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3" r:id="rId1"/>
  </p:sldMasterIdLst>
  <p:notesMasterIdLst>
    <p:notesMasterId r:id="rId27"/>
  </p:notesMasterIdLst>
  <p:handoutMasterIdLst>
    <p:handoutMasterId r:id="rId28"/>
  </p:handoutMasterIdLst>
  <p:sldIdLst>
    <p:sldId id="1503" r:id="rId2"/>
    <p:sldId id="1577" r:id="rId3"/>
    <p:sldId id="1644" r:id="rId4"/>
    <p:sldId id="1645" r:id="rId5"/>
    <p:sldId id="1646" r:id="rId6"/>
    <p:sldId id="1619" r:id="rId7"/>
    <p:sldId id="1689" r:id="rId8"/>
    <p:sldId id="1647" r:id="rId9"/>
    <p:sldId id="1682" r:id="rId10"/>
    <p:sldId id="1657" r:id="rId11"/>
    <p:sldId id="1694" r:id="rId12"/>
    <p:sldId id="1696" r:id="rId13"/>
    <p:sldId id="1659" r:id="rId14"/>
    <p:sldId id="1651" r:id="rId15"/>
    <p:sldId id="1559" r:id="rId16"/>
    <p:sldId id="1527" r:id="rId17"/>
    <p:sldId id="1639" r:id="rId18"/>
    <p:sldId id="1555" r:id="rId19"/>
    <p:sldId id="1626" r:id="rId20"/>
    <p:sldId id="1561" r:id="rId21"/>
    <p:sldId id="1604" r:id="rId22"/>
    <p:sldId id="1588" r:id="rId23"/>
    <p:sldId id="1628" r:id="rId24"/>
    <p:sldId id="1629" r:id="rId25"/>
    <p:sldId id="1630" r:id="rId26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82">
          <p15:clr>
            <a:srgbClr val="A4A3A4"/>
          </p15:clr>
        </p15:guide>
        <p15:guide id="2" orient="horz" pos="1842">
          <p15:clr>
            <a:srgbClr val="A4A3A4"/>
          </p15:clr>
        </p15:guide>
        <p15:guide id="3" orient="horz" pos="663">
          <p15:clr>
            <a:srgbClr val="A4A3A4"/>
          </p15:clr>
        </p15:guide>
        <p15:guide id="4" orient="horz" pos="799">
          <p15:clr>
            <a:srgbClr val="A4A3A4"/>
          </p15:clr>
        </p15:guide>
        <p15:guide id="5" orient="horz" pos="2886">
          <p15:clr>
            <a:srgbClr val="A4A3A4"/>
          </p15:clr>
        </p15:guide>
        <p15:guide id="6" orient="horz" pos="1661">
          <p15:clr>
            <a:srgbClr val="A4A3A4"/>
          </p15:clr>
        </p15:guide>
        <p15:guide id="7" orient="horz" pos="2704">
          <p15:clr>
            <a:srgbClr val="A4A3A4"/>
          </p15:clr>
        </p15:guide>
        <p15:guide id="8" orient="horz" pos="3748">
          <p15:clr>
            <a:srgbClr val="A4A3A4"/>
          </p15:clr>
        </p15:guide>
        <p15:guide id="9" pos="2880">
          <p15:clr>
            <a:srgbClr val="A4A3A4"/>
          </p15:clr>
        </p15:guide>
        <p15:guide id="10" pos="295">
          <p15:clr>
            <a:srgbClr val="A4A3A4"/>
          </p15:clr>
        </p15:guide>
        <p15:guide id="11" pos="1156">
          <p15:clr>
            <a:srgbClr val="A4A3A4"/>
          </p15:clr>
        </p15:guide>
        <p15:guide id="12" pos="419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15" userDrawn="1">
          <p15:clr>
            <a:srgbClr val="A4A3A4"/>
          </p15:clr>
        </p15:guide>
        <p15:guide id="2" pos="1973" userDrawn="1">
          <p15:clr>
            <a:srgbClr val="A4A3A4"/>
          </p15:clr>
        </p15:guide>
        <p15:guide id="3" orient="horz" pos="3110" userDrawn="1">
          <p15:clr>
            <a:srgbClr val="A4A3A4"/>
          </p15:clr>
        </p15:guide>
        <p15:guide id="4" pos="2124" userDrawn="1">
          <p15:clr>
            <a:srgbClr val="A4A3A4"/>
          </p15:clr>
        </p15:guide>
        <p15:guide id="5" orient="horz" pos="3027">
          <p15:clr>
            <a:srgbClr val="A4A3A4"/>
          </p15:clr>
        </p15:guide>
        <p15:guide id="6" orient="horz" pos="2928">
          <p15:clr>
            <a:srgbClr val="A4A3A4"/>
          </p15:clr>
        </p15:guide>
        <p15:guide id="7" pos="2052">
          <p15:clr>
            <a:srgbClr val="A4A3A4"/>
          </p15:clr>
        </p15:guide>
        <p15:guide id="8" pos="2209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255"/>
    <a:srgbClr val="EAB200"/>
    <a:srgbClr val="009ED6"/>
    <a:srgbClr val="FFB03B"/>
    <a:srgbClr val="FFA521"/>
    <a:srgbClr val="FF9900"/>
    <a:srgbClr val="FFCC00"/>
    <a:srgbClr val="DEA900"/>
    <a:srgbClr val="2A6CA8"/>
    <a:srgbClr val="008EC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638B1855-1B75-4FBE-930C-398BA8C253C6}" styleName="Themed Style 2 - Accent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AF606853-7671-496A-8E4F-DF71F8EC918B}" styleName="Dark Style 1 - Accent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06799F8-075E-4A3A-A7F6-7FBC6576F1A4}" styleName="Themed Style 2 -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16D9F66E-5EB9-4882-86FB-DCBF35E3C3E4}" styleName="Medium Style 4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3232" autoAdjust="0"/>
    <p:restoredTop sz="96291" autoAdjust="0"/>
  </p:normalViewPr>
  <p:slideViewPr>
    <p:cSldViewPr>
      <p:cViewPr varScale="1">
        <p:scale>
          <a:sx n="74" d="100"/>
          <a:sy n="74" d="100"/>
        </p:scale>
        <p:origin x="954" y="72"/>
      </p:cViewPr>
      <p:guideLst>
        <p:guide orient="horz" pos="482"/>
        <p:guide orient="horz" pos="1842"/>
        <p:guide orient="horz" pos="663"/>
        <p:guide orient="horz" pos="799"/>
        <p:guide orient="horz" pos="2886"/>
        <p:guide orient="horz" pos="1661"/>
        <p:guide orient="horz" pos="2704"/>
        <p:guide orient="horz" pos="3748"/>
        <p:guide pos="2880"/>
        <p:guide pos="295"/>
        <p:guide pos="1156"/>
        <p:guide pos="4195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90" d="100"/>
        <a:sy n="90" d="100"/>
      </p:scale>
      <p:origin x="0" y="0"/>
    </p:cViewPr>
  </p:sorterViewPr>
  <p:notesViewPr>
    <p:cSldViewPr showGuides="1">
      <p:cViewPr varScale="1">
        <p:scale>
          <a:sx n="77" d="100"/>
          <a:sy n="77" d="100"/>
        </p:scale>
        <p:origin x="-2106" y="-84"/>
      </p:cViewPr>
      <p:guideLst>
        <p:guide orient="horz" pos="3215"/>
        <p:guide pos="1973"/>
        <p:guide orient="horz" pos="3110"/>
        <p:guide pos="2124"/>
        <p:guide orient="horz" pos="3027"/>
        <p:guide orient="horz" pos="2928"/>
        <p:guide pos="2052"/>
        <p:guide pos="2209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6_3">
  <dgm:title val=""/>
  <dgm:desc val=""/>
  <dgm:catLst>
    <dgm:cat type="accent6" pri="11300"/>
  </dgm:catLst>
  <dgm:styleLbl name="node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shade val="80000"/>
      </a:schemeClr>
      <a:schemeClr val="accent6">
        <a:tint val="7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/>
    <dgm:txEffectClrLst/>
  </dgm:styleLbl>
  <dgm:styleLbl name="ln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9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8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7FC3439-BDC0-4FB7-8FF0-9A6E87801763}" type="doc">
      <dgm:prSet loTypeId="urn:microsoft.com/office/officeart/2008/layout/SquareAccentList" loCatId="" qsTypeId="urn:microsoft.com/office/officeart/2005/8/quickstyle/simple3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67F210C3-68B6-475F-A063-CFC725683D15}">
      <dgm:prSet phldrT="[Text]"/>
      <dgm:spPr/>
      <dgm:t>
        <a:bodyPr/>
        <a:lstStyle/>
        <a:p>
          <a:r>
            <a:rPr lang="en-US" b="1" dirty="0" smtClean="0"/>
            <a:t>Existing</a:t>
          </a:r>
          <a:r>
            <a:rPr lang="en-US" b="1" baseline="0" dirty="0" smtClean="0"/>
            <a:t> Scope</a:t>
          </a:r>
          <a:endParaRPr lang="en-US" b="1" dirty="0"/>
        </a:p>
      </dgm:t>
    </dgm:pt>
    <dgm:pt modelId="{FBEF45E3-967E-43A4-A175-6F8EEA49F824}" type="parTrans" cxnId="{B16BB9D6-DB95-4DB4-B77F-256B80C6E9E3}">
      <dgm:prSet/>
      <dgm:spPr/>
      <dgm:t>
        <a:bodyPr/>
        <a:lstStyle/>
        <a:p>
          <a:endParaRPr lang="en-US"/>
        </a:p>
      </dgm:t>
    </dgm:pt>
    <dgm:pt modelId="{016F90E3-E12A-4220-ABB9-DE025B511A58}" type="sibTrans" cxnId="{B16BB9D6-DB95-4DB4-B77F-256B80C6E9E3}">
      <dgm:prSet/>
      <dgm:spPr/>
      <dgm:t>
        <a:bodyPr/>
        <a:lstStyle/>
        <a:p>
          <a:endParaRPr lang="en-US"/>
        </a:p>
      </dgm:t>
    </dgm:pt>
    <dgm:pt modelId="{5AAF8915-419C-4671-B12A-951893BE3DB3}">
      <dgm:prSet phldrT="[Text]"/>
      <dgm:spPr/>
      <dgm:t>
        <a:bodyPr/>
        <a:lstStyle/>
        <a:p>
          <a:r>
            <a:rPr lang="en-US" dirty="0" smtClean="0"/>
            <a:t>App rating &amp; review</a:t>
          </a:r>
          <a:endParaRPr lang="en-US" dirty="0"/>
        </a:p>
      </dgm:t>
    </dgm:pt>
    <dgm:pt modelId="{0BA0A969-FB45-43FC-82B0-D7201B799365}" type="parTrans" cxnId="{5BEFE02D-9306-4C22-91B0-9A7B27E06115}">
      <dgm:prSet/>
      <dgm:spPr/>
      <dgm:t>
        <a:bodyPr/>
        <a:lstStyle/>
        <a:p>
          <a:endParaRPr lang="en-US"/>
        </a:p>
      </dgm:t>
    </dgm:pt>
    <dgm:pt modelId="{D11DA02F-7E3B-4B5E-81D0-63B1F340086F}" type="sibTrans" cxnId="{5BEFE02D-9306-4C22-91B0-9A7B27E06115}">
      <dgm:prSet/>
      <dgm:spPr/>
      <dgm:t>
        <a:bodyPr/>
        <a:lstStyle/>
        <a:p>
          <a:endParaRPr lang="en-US"/>
        </a:p>
      </dgm:t>
    </dgm:pt>
    <dgm:pt modelId="{E5766713-922C-4528-9A8D-E12443E141EC}">
      <dgm:prSet phldrT="[Text]"/>
      <dgm:spPr/>
      <dgm:t>
        <a:bodyPr/>
        <a:lstStyle/>
        <a:p>
          <a:r>
            <a:rPr lang="en-US" dirty="0" smtClean="0"/>
            <a:t>Loan offer checking</a:t>
          </a:r>
          <a:endParaRPr lang="en-US" dirty="0"/>
        </a:p>
      </dgm:t>
    </dgm:pt>
    <dgm:pt modelId="{63633452-3B4D-4F4B-B693-299E8341CCF2}" type="parTrans" cxnId="{313D54DA-DFA3-41BF-948F-A8B40CD7DFE4}">
      <dgm:prSet/>
      <dgm:spPr/>
      <dgm:t>
        <a:bodyPr/>
        <a:lstStyle/>
        <a:p>
          <a:endParaRPr lang="en-US"/>
        </a:p>
      </dgm:t>
    </dgm:pt>
    <dgm:pt modelId="{24156A11-8B3A-4CAF-BEE6-F73E0553718F}" type="sibTrans" cxnId="{313D54DA-DFA3-41BF-948F-A8B40CD7DFE4}">
      <dgm:prSet/>
      <dgm:spPr/>
      <dgm:t>
        <a:bodyPr/>
        <a:lstStyle/>
        <a:p>
          <a:endParaRPr lang="en-US"/>
        </a:p>
      </dgm:t>
    </dgm:pt>
    <dgm:pt modelId="{9BCC8D93-A629-40AD-A434-DF2395FE45C7}">
      <dgm:prSet phldrT="[Text]"/>
      <dgm:spPr/>
      <dgm:t>
        <a:bodyPr/>
        <a:lstStyle/>
        <a:p>
          <a:r>
            <a:rPr lang="en-US" b="1" i="1" dirty="0" smtClean="0">
              <a:solidFill>
                <a:srgbClr val="FF0000"/>
              </a:solidFill>
            </a:rPr>
            <a:t>Multiple addresses</a:t>
          </a:r>
          <a:r>
            <a:rPr lang="en-US" b="1" i="1" baseline="0" dirty="0" smtClean="0">
              <a:solidFill>
                <a:srgbClr val="FF0000"/>
              </a:solidFill>
            </a:rPr>
            <a:t> &amp; Phone contact</a:t>
          </a:r>
          <a:endParaRPr lang="en-US" b="1" i="1" dirty="0">
            <a:solidFill>
              <a:srgbClr val="FF0000"/>
            </a:solidFill>
          </a:endParaRPr>
        </a:p>
      </dgm:t>
    </dgm:pt>
    <dgm:pt modelId="{EF08B0BE-7BB5-4D9C-975D-A0FEC6E91F21}" type="parTrans" cxnId="{3FB37D26-9CB0-4692-92E4-34D9A986E40C}">
      <dgm:prSet/>
      <dgm:spPr/>
      <dgm:t>
        <a:bodyPr/>
        <a:lstStyle/>
        <a:p>
          <a:endParaRPr lang="en-US"/>
        </a:p>
      </dgm:t>
    </dgm:pt>
    <dgm:pt modelId="{BFC43DA9-CB62-4E4F-8F3A-3F75E29F1C10}" type="sibTrans" cxnId="{3FB37D26-9CB0-4692-92E4-34D9A986E40C}">
      <dgm:prSet/>
      <dgm:spPr/>
      <dgm:t>
        <a:bodyPr/>
        <a:lstStyle/>
        <a:p>
          <a:endParaRPr lang="en-US"/>
        </a:p>
      </dgm:t>
    </dgm:pt>
    <dgm:pt modelId="{162B5AD4-B964-4997-8B07-D666833B042B}">
      <dgm:prSet phldrT="[Text]"/>
      <dgm:spPr/>
      <dgm:t>
        <a:bodyPr/>
        <a:lstStyle/>
        <a:p>
          <a:r>
            <a:rPr lang="en-US" b="1" dirty="0" smtClean="0"/>
            <a:t>Proposed Scope</a:t>
          </a:r>
          <a:endParaRPr lang="en-US" b="1" dirty="0"/>
        </a:p>
      </dgm:t>
    </dgm:pt>
    <dgm:pt modelId="{2CC9B4C8-FA82-4AA8-99F0-354BEF65EA6C}" type="parTrans" cxnId="{3DF680DB-C17D-4FE1-B400-E02F16DF1ED1}">
      <dgm:prSet/>
      <dgm:spPr/>
      <dgm:t>
        <a:bodyPr/>
        <a:lstStyle/>
        <a:p>
          <a:endParaRPr lang="en-US"/>
        </a:p>
      </dgm:t>
    </dgm:pt>
    <dgm:pt modelId="{D3016759-03F4-45C4-B3CE-319BE4CEB638}" type="sibTrans" cxnId="{3DF680DB-C17D-4FE1-B400-E02F16DF1ED1}">
      <dgm:prSet/>
      <dgm:spPr/>
      <dgm:t>
        <a:bodyPr/>
        <a:lstStyle/>
        <a:p>
          <a:endParaRPr lang="en-US"/>
        </a:p>
      </dgm:t>
    </dgm:pt>
    <dgm:pt modelId="{FC8E94FC-B04C-40C2-90B3-79311DD0DE9F}">
      <dgm:prSet phldrT="[Text]"/>
      <dgm:spPr/>
      <dgm:t>
        <a:bodyPr/>
        <a:lstStyle/>
        <a:p>
          <a:r>
            <a:rPr lang="en-US" dirty="0" smtClean="0"/>
            <a:t>App rating &amp; review</a:t>
          </a:r>
          <a:endParaRPr lang="en-US" dirty="0"/>
        </a:p>
      </dgm:t>
    </dgm:pt>
    <dgm:pt modelId="{F47EB850-A76D-445D-B9B2-AF2C4CC9D704}" type="parTrans" cxnId="{4F3F4D68-501B-49A9-8385-72C9338007BF}">
      <dgm:prSet/>
      <dgm:spPr/>
      <dgm:t>
        <a:bodyPr/>
        <a:lstStyle/>
        <a:p>
          <a:endParaRPr lang="en-US"/>
        </a:p>
      </dgm:t>
    </dgm:pt>
    <dgm:pt modelId="{6B2D4DCD-019C-4C63-8FE4-F76DEA9B8F59}" type="sibTrans" cxnId="{4F3F4D68-501B-49A9-8385-72C9338007BF}">
      <dgm:prSet/>
      <dgm:spPr/>
      <dgm:t>
        <a:bodyPr/>
        <a:lstStyle/>
        <a:p>
          <a:endParaRPr lang="en-US"/>
        </a:p>
      </dgm:t>
    </dgm:pt>
    <dgm:pt modelId="{AA367108-7549-47DE-B3FA-4E7DC8B45C17}">
      <dgm:prSet phldrT="[Text]"/>
      <dgm:spPr/>
      <dgm:t>
        <a:bodyPr/>
        <a:lstStyle/>
        <a:p>
          <a:r>
            <a:rPr lang="en-US" dirty="0" smtClean="0"/>
            <a:t>Display offer &amp; reward</a:t>
          </a:r>
          <a:endParaRPr lang="en-US" dirty="0"/>
        </a:p>
      </dgm:t>
    </dgm:pt>
    <dgm:pt modelId="{53283012-3478-423A-960C-6A044FFE638F}" type="parTrans" cxnId="{EDCCBCF2-C5B0-41FF-82DC-4D2DB052B339}">
      <dgm:prSet/>
      <dgm:spPr/>
      <dgm:t>
        <a:bodyPr/>
        <a:lstStyle/>
        <a:p>
          <a:endParaRPr lang="en-US"/>
        </a:p>
      </dgm:t>
    </dgm:pt>
    <dgm:pt modelId="{D7AD4E54-E926-4D9E-A3D8-4CCA5F263C2B}" type="sibTrans" cxnId="{EDCCBCF2-C5B0-41FF-82DC-4D2DB052B339}">
      <dgm:prSet/>
      <dgm:spPr/>
      <dgm:t>
        <a:bodyPr/>
        <a:lstStyle/>
        <a:p>
          <a:endParaRPr lang="en-US"/>
        </a:p>
      </dgm:t>
    </dgm:pt>
    <dgm:pt modelId="{536012C5-2581-4984-A1FD-0166D63F06BB}">
      <dgm:prSet phldrT="[Text]"/>
      <dgm:spPr/>
      <dgm:t>
        <a:bodyPr/>
        <a:lstStyle/>
        <a:p>
          <a:r>
            <a:rPr lang="en-US" dirty="0" smtClean="0"/>
            <a:t>Loan offer checking</a:t>
          </a:r>
          <a:endParaRPr lang="en-US" dirty="0"/>
        </a:p>
      </dgm:t>
    </dgm:pt>
    <dgm:pt modelId="{C53BF6D6-1982-4310-BF9E-CFA5515FD0A7}" type="parTrans" cxnId="{B750777D-D6AB-4F13-AC50-DEE9CA5577D3}">
      <dgm:prSet/>
      <dgm:spPr/>
      <dgm:t>
        <a:bodyPr/>
        <a:lstStyle/>
        <a:p>
          <a:endParaRPr lang="en-US"/>
        </a:p>
      </dgm:t>
    </dgm:pt>
    <dgm:pt modelId="{42113833-3072-4C0D-BA59-345074E45036}" type="sibTrans" cxnId="{B750777D-D6AB-4F13-AC50-DEE9CA5577D3}">
      <dgm:prSet/>
      <dgm:spPr/>
      <dgm:t>
        <a:bodyPr/>
        <a:lstStyle/>
        <a:p>
          <a:endParaRPr lang="en-US"/>
        </a:p>
      </dgm:t>
    </dgm:pt>
    <dgm:pt modelId="{EC976A1F-9C10-4717-9AD8-C215F1740DDE}">
      <dgm:prSet phldrT="[Text]"/>
      <dgm:spPr/>
      <dgm:t>
        <a:bodyPr/>
        <a:lstStyle/>
        <a:p>
          <a:r>
            <a:rPr lang="en-US" dirty="0" smtClean="0"/>
            <a:t>Display offer &amp; reward</a:t>
          </a:r>
          <a:endParaRPr lang="en-US" dirty="0"/>
        </a:p>
      </dgm:t>
    </dgm:pt>
    <dgm:pt modelId="{82B73C97-41AC-4D6A-8B38-20D2785EE4F3}" type="parTrans" cxnId="{DF8D77D9-D1CD-4E98-9B69-31F9E67EF1E4}">
      <dgm:prSet/>
      <dgm:spPr/>
      <dgm:t>
        <a:bodyPr/>
        <a:lstStyle/>
        <a:p>
          <a:endParaRPr lang="en-US"/>
        </a:p>
      </dgm:t>
    </dgm:pt>
    <dgm:pt modelId="{CCCA2C32-87ED-4B27-AC66-D276AB27C8E8}" type="sibTrans" cxnId="{DF8D77D9-D1CD-4E98-9B69-31F9E67EF1E4}">
      <dgm:prSet/>
      <dgm:spPr/>
      <dgm:t>
        <a:bodyPr/>
        <a:lstStyle/>
        <a:p>
          <a:endParaRPr lang="en-US"/>
        </a:p>
      </dgm:t>
    </dgm:pt>
    <dgm:pt modelId="{0A20BB00-B30D-49C5-B3B6-3C26F47268CA}">
      <dgm:prSet phldrT="[Text]"/>
      <dgm:spPr/>
      <dgm:t>
        <a:bodyPr/>
        <a:lstStyle/>
        <a:p>
          <a:r>
            <a:rPr lang="en-US" dirty="0" smtClean="0"/>
            <a:t>Survey</a:t>
          </a:r>
          <a:r>
            <a:rPr lang="en-US" baseline="0" dirty="0" smtClean="0"/>
            <a:t> (loan, customer satisfaction)</a:t>
          </a:r>
          <a:endParaRPr lang="en-US" dirty="0"/>
        </a:p>
      </dgm:t>
    </dgm:pt>
    <dgm:pt modelId="{89BFF413-80C6-4810-B0FE-198CAA0D0E07}" type="parTrans" cxnId="{C46B2831-B5E2-4485-9493-1F95D28D5296}">
      <dgm:prSet/>
      <dgm:spPr/>
      <dgm:t>
        <a:bodyPr/>
        <a:lstStyle/>
        <a:p>
          <a:endParaRPr lang="en-US"/>
        </a:p>
      </dgm:t>
    </dgm:pt>
    <dgm:pt modelId="{4D8922BF-0C0B-4550-B5DE-D665E8743014}" type="sibTrans" cxnId="{C46B2831-B5E2-4485-9493-1F95D28D5296}">
      <dgm:prSet/>
      <dgm:spPr/>
      <dgm:t>
        <a:bodyPr/>
        <a:lstStyle/>
        <a:p>
          <a:endParaRPr lang="en-US"/>
        </a:p>
      </dgm:t>
    </dgm:pt>
    <dgm:pt modelId="{8EEF22E7-6836-47C5-8E89-767D2B32C4DA}">
      <dgm:prSet phldrT="[Text]"/>
      <dgm:spPr/>
      <dgm:t>
        <a:bodyPr/>
        <a:lstStyle/>
        <a:p>
          <a:r>
            <a:rPr lang="en-US" dirty="0" smtClean="0"/>
            <a:t>Geolocation</a:t>
          </a:r>
          <a:r>
            <a:rPr lang="en-US" baseline="0" dirty="0" smtClean="0"/>
            <a:t> &amp; customer activity tracking</a:t>
          </a:r>
          <a:endParaRPr lang="en-US" dirty="0"/>
        </a:p>
      </dgm:t>
    </dgm:pt>
    <dgm:pt modelId="{9C32C676-F26C-482A-80AC-4C5AC5444DE7}" type="parTrans" cxnId="{EB997715-0116-4578-99D6-63626454E023}">
      <dgm:prSet/>
      <dgm:spPr/>
      <dgm:t>
        <a:bodyPr/>
        <a:lstStyle/>
        <a:p>
          <a:endParaRPr lang="en-US"/>
        </a:p>
      </dgm:t>
    </dgm:pt>
    <dgm:pt modelId="{C7005971-F9C9-4CC8-80B3-45DA72FE13CF}" type="sibTrans" cxnId="{EB997715-0116-4578-99D6-63626454E023}">
      <dgm:prSet/>
      <dgm:spPr/>
      <dgm:t>
        <a:bodyPr/>
        <a:lstStyle/>
        <a:p>
          <a:endParaRPr lang="en-US"/>
        </a:p>
      </dgm:t>
    </dgm:pt>
    <dgm:pt modelId="{43BE8E01-C511-42E5-8477-E8FB692477A5}">
      <dgm:prSet phldrT="[Text]"/>
      <dgm:spPr/>
      <dgm:t>
        <a:bodyPr/>
        <a:lstStyle/>
        <a:p>
          <a:r>
            <a:rPr lang="en-US" b="1" i="1" dirty="0" smtClean="0">
              <a:solidFill>
                <a:srgbClr val="FF0000"/>
              </a:solidFill>
            </a:rPr>
            <a:t>Credit</a:t>
          </a:r>
          <a:r>
            <a:rPr lang="en-US" b="1" i="1" baseline="0" dirty="0" smtClean="0">
              <a:solidFill>
                <a:srgbClr val="FF0000"/>
              </a:solidFill>
            </a:rPr>
            <a:t> card services integration(Part 1)</a:t>
          </a:r>
          <a:endParaRPr lang="en-US" b="1" i="1" dirty="0">
            <a:solidFill>
              <a:srgbClr val="FF0000"/>
            </a:solidFill>
          </a:endParaRPr>
        </a:p>
      </dgm:t>
    </dgm:pt>
    <dgm:pt modelId="{14BC7F22-2B86-4986-96DC-BCB62467B1E8}" type="parTrans" cxnId="{89E9C5CC-3F54-47DE-9B28-DDF022FF6033}">
      <dgm:prSet/>
      <dgm:spPr/>
      <dgm:t>
        <a:bodyPr/>
        <a:lstStyle/>
        <a:p>
          <a:endParaRPr lang="en-US"/>
        </a:p>
      </dgm:t>
    </dgm:pt>
    <dgm:pt modelId="{5D90010B-A5D3-4361-8404-4CEC1AC21661}" type="sibTrans" cxnId="{89E9C5CC-3F54-47DE-9B28-DDF022FF6033}">
      <dgm:prSet/>
      <dgm:spPr/>
      <dgm:t>
        <a:bodyPr/>
        <a:lstStyle/>
        <a:p>
          <a:endParaRPr lang="en-US"/>
        </a:p>
      </dgm:t>
    </dgm:pt>
    <dgm:pt modelId="{A3940087-DC6D-42B4-A7EA-86DA1468C8CA}">
      <dgm:prSet phldrT="[Text]"/>
      <dgm:spPr/>
      <dgm:t>
        <a:bodyPr/>
        <a:lstStyle/>
        <a:p>
          <a:r>
            <a:rPr lang="en-US" dirty="0" smtClean="0"/>
            <a:t>Survey</a:t>
          </a:r>
          <a:r>
            <a:rPr lang="en-US" baseline="0" dirty="0" smtClean="0"/>
            <a:t> (loan, customer satisfaction)</a:t>
          </a:r>
          <a:endParaRPr lang="en-US" dirty="0"/>
        </a:p>
      </dgm:t>
    </dgm:pt>
    <dgm:pt modelId="{7D056F1D-5162-4F4C-879D-971A58C8499B}" type="sibTrans" cxnId="{13B804C8-999F-44C2-8B57-2A1D9FC52453}">
      <dgm:prSet/>
      <dgm:spPr/>
      <dgm:t>
        <a:bodyPr/>
        <a:lstStyle/>
        <a:p>
          <a:endParaRPr lang="en-US"/>
        </a:p>
      </dgm:t>
    </dgm:pt>
    <dgm:pt modelId="{8B7CD2F0-B246-4066-BC8D-14A0E4FFC8D8}" type="parTrans" cxnId="{13B804C8-999F-44C2-8B57-2A1D9FC52453}">
      <dgm:prSet/>
      <dgm:spPr/>
      <dgm:t>
        <a:bodyPr/>
        <a:lstStyle/>
        <a:p>
          <a:endParaRPr lang="en-US"/>
        </a:p>
      </dgm:t>
    </dgm:pt>
    <dgm:pt modelId="{1741EA69-DE31-3544-AF12-F29F5D200EBA}">
      <dgm:prSet/>
      <dgm:spPr/>
      <dgm:t>
        <a:bodyPr/>
        <a:lstStyle/>
        <a:p>
          <a:r>
            <a:rPr lang="en-US" dirty="0" smtClean="0"/>
            <a:t>Geolocation</a:t>
          </a:r>
          <a:r>
            <a:rPr lang="en-US" baseline="0" dirty="0" smtClean="0"/>
            <a:t> &amp; customer activity tracking</a:t>
          </a:r>
          <a:endParaRPr lang="en-US" dirty="0"/>
        </a:p>
      </dgm:t>
    </dgm:pt>
    <dgm:pt modelId="{9F51B95A-0E89-F842-A5C8-43E40E345B3E}" type="parTrans" cxnId="{F394106D-E38C-AD44-9722-B1635E1A2474}">
      <dgm:prSet/>
      <dgm:spPr/>
      <dgm:t>
        <a:bodyPr/>
        <a:lstStyle/>
        <a:p>
          <a:endParaRPr lang="en-US"/>
        </a:p>
      </dgm:t>
    </dgm:pt>
    <dgm:pt modelId="{2D9A68D4-789C-3F4B-BCAD-82F21B7519D2}" type="sibTrans" cxnId="{F394106D-E38C-AD44-9722-B1635E1A2474}">
      <dgm:prSet/>
      <dgm:spPr/>
      <dgm:t>
        <a:bodyPr/>
        <a:lstStyle/>
        <a:p>
          <a:endParaRPr lang="en-US"/>
        </a:p>
      </dgm:t>
    </dgm:pt>
    <dgm:pt modelId="{62F4B66D-20A9-4080-841B-411CEE9EC58F}" type="pres">
      <dgm:prSet presAssocID="{27FC3439-BDC0-4FB7-8FF0-9A6E87801763}" presName="layout" presStyleCnt="0">
        <dgm:presLayoutVars>
          <dgm:chMax/>
          <dgm:chPref/>
          <dgm:dir/>
          <dgm:resizeHandles/>
        </dgm:presLayoutVars>
      </dgm:prSet>
      <dgm:spPr/>
      <dgm:t>
        <a:bodyPr/>
        <a:lstStyle/>
        <a:p>
          <a:endParaRPr lang="en-US"/>
        </a:p>
      </dgm:t>
    </dgm:pt>
    <dgm:pt modelId="{9EE34F92-5CB3-4E50-BA73-BB7E079451E5}" type="pres">
      <dgm:prSet presAssocID="{67F210C3-68B6-475F-A063-CFC725683D15}" presName="root" presStyleCnt="0">
        <dgm:presLayoutVars>
          <dgm:chMax/>
          <dgm:chPref/>
        </dgm:presLayoutVars>
      </dgm:prSet>
      <dgm:spPr/>
    </dgm:pt>
    <dgm:pt modelId="{E53F0FD0-6EC2-4D53-9CD6-9FA60CDC78C3}" type="pres">
      <dgm:prSet presAssocID="{67F210C3-68B6-475F-A063-CFC725683D15}" presName="rootComposite" presStyleCnt="0">
        <dgm:presLayoutVars/>
      </dgm:prSet>
      <dgm:spPr/>
    </dgm:pt>
    <dgm:pt modelId="{EE6580FA-20FF-42F5-B9D0-3AE6E9B17D66}" type="pres">
      <dgm:prSet presAssocID="{67F210C3-68B6-475F-A063-CFC725683D15}" presName="ParentAccent" presStyleLbl="alignNode1" presStyleIdx="0" presStyleCnt="2"/>
      <dgm:spPr/>
    </dgm:pt>
    <dgm:pt modelId="{A5F2FFED-3260-4922-9C3F-5AC0708702F7}" type="pres">
      <dgm:prSet presAssocID="{67F210C3-68B6-475F-A063-CFC725683D15}" presName="ParentSmallAccent" presStyleLbl="fgAcc1" presStyleIdx="0" presStyleCnt="2"/>
      <dgm:spPr/>
    </dgm:pt>
    <dgm:pt modelId="{6BF80A62-4F37-4DBC-9E07-D6871D5F9CB6}" type="pres">
      <dgm:prSet presAssocID="{67F210C3-68B6-475F-A063-CFC725683D15}" presName="Parent" presStyleLbl="revTx" presStyleIdx="0" presStyleCnt="14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D5705B2-DFBF-4065-973F-0589F67E28D7}" type="pres">
      <dgm:prSet presAssocID="{67F210C3-68B6-475F-A063-CFC725683D15}" presName="childShape" presStyleCnt="0">
        <dgm:presLayoutVars>
          <dgm:chMax val="0"/>
          <dgm:chPref val="0"/>
        </dgm:presLayoutVars>
      </dgm:prSet>
      <dgm:spPr/>
    </dgm:pt>
    <dgm:pt modelId="{794CDAF8-A0F7-4248-9520-8B7491898187}" type="pres">
      <dgm:prSet presAssocID="{5AAF8915-419C-4671-B12A-951893BE3DB3}" presName="childComposite" presStyleCnt="0">
        <dgm:presLayoutVars>
          <dgm:chMax val="0"/>
          <dgm:chPref val="0"/>
        </dgm:presLayoutVars>
      </dgm:prSet>
      <dgm:spPr/>
    </dgm:pt>
    <dgm:pt modelId="{5323F515-0F13-408C-8D24-E304651EEA30}" type="pres">
      <dgm:prSet presAssocID="{5AAF8915-419C-4671-B12A-951893BE3DB3}" presName="ChildAccent" presStyleLbl="solidFgAcc1" presStyleIdx="0" presStyleCnt="12"/>
      <dgm:spPr/>
      <dgm:t>
        <a:bodyPr/>
        <a:lstStyle/>
        <a:p>
          <a:endParaRPr lang="en-US"/>
        </a:p>
      </dgm:t>
    </dgm:pt>
    <dgm:pt modelId="{B86283F9-6EE5-4A9D-8160-57AFD4997E01}" type="pres">
      <dgm:prSet presAssocID="{5AAF8915-419C-4671-B12A-951893BE3DB3}" presName="Child" presStyleLbl="revTx" presStyleIdx="1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3FB5CA3-D33E-4E1E-B69E-1002343D5C56}" type="pres">
      <dgm:prSet presAssocID="{EC976A1F-9C10-4717-9AD8-C215F1740DDE}" presName="childComposite" presStyleCnt="0">
        <dgm:presLayoutVars>
          <dgm:chMax val="0"/>
          <dgm:chPref val="0"/>
        </dgm:presLayoutVars>
      </dgm:prSet>
      <dgm:spPr/>
    </dgm:pt>
    <dgm:pt modelId="{5416766C-CA9C-4E93-835F-863AC36BFFBE}" type="pres">
      <dgm:prSet presAssocID="{EC976A1F-9C10-4717-9AD8-C215F1740DDE}" presName="ChildAccent" presStyleLbl="solidFgAcc1" presStyleIdx="1" presStyleCnt="12"/>
      <dgm:spPr/>
    </dgm:pt>
    <dgm:pt modelId="{CA1A8B2A-3A7F-498B-B80B-98ADEE5D2E96}" type="pres">
      <dgm:prSet presAssocID="{EC976A1F-9C10-4717-9AD8-C215F1740DDE}" presName="Child" presStyleLbl="revTx" presStyleIdx="2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6814A90-BD88-4A9F-9D34-4B10BE41327D}" type="pres">
      <dgm:prSet presAssocID="{E5766713-922C-4528-9A8D-E12443E141EC}" presName="childComposite" presStyleCnt="0">
        <dgm:presLayoutVars>
          <dgm:chMax val="0"/>
          <dgm:chPref val="0"/>
        </dgm:presLayoutVars>
      </dgm:prSet>
      <dgm:spPr/>
    </dgm:pt>
    <dgm:pt modelId="{203A641A-B68D-4460-9168-C6BBC90B672D}" type="pres">
      <dgm:prSet presAssocID="{E5766713-922C-4528-9A8D-E12443E141EC}" presName="ChildAccent" presStyleLbl="solidFgAcc1" presStyleIdx="2" presStyleCnt="12"/>
      <dgm:spPr/>
    </dgm:pt>
    <dgm:pt modelId="{1B097A9D-0402-4634-B80C-0DE1A4BFB986}" type="pres">
      <dgm:prSet presAssocID="{E5766713-922C-4528-9A8D-E12443E141EC}" presName="Child" presStyleLbl="revTx" presStyleIdx="3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E17DC9-FA38-4A8F-BCE9-6B3066C52A1B}" type="pres">
      <dgm:prSet presAssocID="{9BCC8D93-A629-40AD-A434-DF2395FE45C7}" presName="childComposite" presStyleCnt="0">
        <dgm:presLayoutVars>
          <dgm:chMax val="0"/>
          <dgm:chPref val="0"/>
        </dgm:presLayoutVars>
      </dgm:prSet>
      <dgm:spPr/>
    </dgm:pt>
    <dgm:pt modelId="{2A546279-477B-4B4E-9FE3-30D7471A2E33}" type="pres">
      <dgm:prSet presAssocID="{9BCC8D93-A629-40AD-A434-DF2395FE45C7}" presName="ChildAccent" presStyleLbl="solidFgAcc1" presStyleIdx="3" presStyleCnt="12"/>
      <dgm:spPr/>
    </dgm:pt>
    <dgm:pt modelId="{70C2B3DD-E5DE-4D93-B211-2C42612CAFE9}" type="pres">
      <dgm:prSet presAssocID="{9BCC8D93-A629-40AD-A434-DF2395FE45C7}" presName="Child" presStyleLbl="revTx" presStyleIdx="4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08E680C-A417-4103-826A-3FEC7D023D38}" type="pres">
      <dgm:prSet presAssocID="{0A20BB00-B30D-49C5-B3B6-3C26F47268CA}" presName="childComposite" presStyleCnt="0">
        <dgm:presLayoutVars>
          <dgm:chMax val="0"/>
          <dgm:chPref val="0"/>
        </dgm:presLayoutVars>
      </dgm:prSet>
      <dgm:spPr/>
    </dgm:pt>
    <dgm:pt modelId="{3ACE7179-5A07-456D-A549-DB1E848E1314}" type="pres">
      <dgm:prSet presAssocID="{0A20BB00-B30D-49C5-B3B6-3C26F47268CA}" presName="ChildAccent" presStyleLbl="solidFgAcc1" presStyleIdx="4" presStyleCnt="12"/>
      <dgm:spPr/>
    </dgm:pt>
    <dgm:pt modelId="{690E3E3D-22BC-42FD-B278-F48B2812EC65}" type="pres">
      <dgm:prSet presAssocID="{0A20BB00-B30D-49C5-B3B6-3C26F47268CA}" presName="Child" presStyleLbl="revTx" presStyleIdx="5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4A56E51-1E14-4F0A-9A94-B5093205335A}" type="pres">
      <dgm:prSet presAssocID="{8EEF22E7-6836-47C5-8E89-767D2B32C4DA}" presName="childComposite" presStyleCnt="0">
        <dgm:presLayoutVars>
          <dgm:chMax val="0"/>
          <dgm:chPref val="0"/>
        </dgm:presLayoutVars>
      </dgm:prSet>
      <dgm:spPr/>
    </dgm:pt>
    <dgm:pt modelId="{8F8AE62F-8709-499B-992C-58CE2ABDD147}" type="pres">
      <dgm:prSet presAssocID="{8EEF22E7-6836-47C5-8E89-767D2B32C4DA}" presName="ChildAccent" presStyleLbl="solidFgAcc1" presStyleIdx="5" presStyleCnt="12"/>
      <dgm:spPr/>
    </dgm:pt>
    <dgm:pt modelId="{6F23BEC7-6FE8-4C88-8AF6-8BE9A1D76F50}" type="pres">
      <dgm:prSet presAssocID="{8EEF22E7-6836-47C5-8E89-767D2B32C4DA}" presName="Child" presStyleLbl="revTx" presStyleIdx="6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18B630C-AF3F-4137-B5F9-2D6A523C24E2}" type="pres">
      <dgm:prSet presAssocID="{162B5AD4-B964-4997-8B07-D666833B042B}" presName="root" presStyleCnt="0">
        <dgm:presLayoutVars>
          <dgm:chMax/>
          <dgm:chPref/>
        </dgm:presLayoutVars>
      </dgm:prSet>
      <dgm:spPr/>
    </dgm:pt>
    <dgm:pt modelId="{A710307B-0FA9-4ED0-BC45-AA393F28E948}" type="pres">
      <dgm:prSet presAssocID="{162B5AD4-B964-4997-8B07-D666833B042B}" presName="rootComposite" presStyleCnt="0">
        <dgm:presLayoutVars/>
      </dgm:prSet>
      <dgm:spPr/>
    </dgm:pt>
    <dgm:pt modelId="{31930DDC-9379-4CFE-84B6-403D8DA4EE3C}" type="pres">
      <dgm:prSet presAssocID="{162B5AD4-B964-4997-8B07-D666833B042B}" presName="ParentAccent" presStyleLbl="alignNode1" presStyleIdx="1" presStyleCnt="2"/>
      <dgm:spPr/>
    </dgm:pt>
    <dgm:pt modelId="{8C997A84-7BBB-454D-827E-C58C73AFA1EA}" type="pres">
      <dgm:prSet presAssocID="{162B5AD4-B964-4997-8B07-D666833B042B}" presName="ParentSmallAccent" presStyleLbl="fgAcc1" presStyleIdx="1" presStyleCnt="2"/>
      <dgm:spPr/>
    </dgm:pt>
    <dgm:pt modelId="{E77709CD-B11B-47C6-9DE2-45C96B654159}" type="pres">
      <dgm:prSet presAssocID="{162B5AD4-B964-4997-8B07-D666833B042B}" presName="Parent" presStyleLbl="revTx" presStyleIdx="7" presStyleCnt="14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ED0B1AA-E619-4CDD-AA69-480A9A549567}" type="pres">
      <dgm:prSet presAssocID="{162B5AD4-B964-4997-8B07-D666833B042B}" presName="childShape" presStyleCnt="0">
        <dgm:presLayoutVars>
          <dgm:chMax val="0"/>
          <dgm:chPref val="0"/>
        </dgm:presLayoutVars>
      </dgm:prSet>
      <dgm:spPr/>
    </dgm:pt>
    <dgm:pt modelId="{DDBA050E-9D4D-4FF1-8367-60CD948B355F}" type="pres">
      <dgm:prSet presAssocID="{FC8E94FC-B04C-40C2-90B3-79311DD0DE9F}" presName="childComposite" presStyleCnt="0">
        <dgm:presLayoutVars>
          <dgm:chMax val="0"/>
          <dgm:chPref val="0"/>
        </dgm:presLayoutVars>
      </dgm:prSet>
      <dgm:spPr/>
    </dgm:pt>
    <dgm:pt modelId="{13825A37-883B-4F23-AFC9-DC86ADDFFB1F}" type="pres">
      <dgm:prSet presAssocID="{FC8E94FC-B04C-40C2-90B3-79311DD0DE9F}" presName="ChildAccent" presStyleLbl="solidFgAcc1" presStyleIdx="6" presStyleCnt="12"/>
      <dgm:spPr/>
    </dgm:pt>
    <dgm:pt modelId="{F837B0F1-0758-4AA6-AAB1-2F6A0E98E331}" type="pres">
      <dgm:prSet presAssocID="{FC8E94FC-B04C-40C2-90B3-79311DD0DE9F}" presName="Child" presStyleLbl="revTx" presStyleIdx="8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670F82E-C1BC-4B94-A306-30D7928CD873}" type="pres">
      <dgm:prSet presAssocID="{AA367108-7549-47DE-B3FA-4E7DC8B45C17}" presName="childComposite" presStyleCnt="0">
        <dgm:presLayoutVars>
          <dgm:chMax val="0"/>
          <dgm:chPref val="0"/>
        </dgm:presLayoutVars>
      </dgm:prSet>
      <dgm:spPr/>
    </dgm:pt>
    <dgm:pt modelId="{EB3E1D36-94DB-4EAA-95DB-5F306D207456}" type="pres">
      <dgm:prSet presAssocID="{AA367108-7549-47DE-B3FA-4E7DC8B45C17}" presName="ChildAccent" presStyleLbl="solidFgAcc1" presStyleIdx="7" presStyleCnt="12"/>
      <dgm:spPr/>
    </dgm:pt>
    <dgm:pt modelId="{C721A439-08AB-4380-BB73-13D20BF66B02}" type="pres">
      <dgm:prSet presAssocID="{AA367108-7549-47DE-B3FA-4E7DC8B45C17}" presName="Child" presStyleLbl="revTx" presStyleIdx="9" presStyleCnt="14" custLinFactNeighborX="288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C60BB1A-711B-4553-A8A2-48267495A587}" type="pres">
      <dgm:prSet presAssocID="{536012C5-2581-4984-A1FD-0166D63F06BB}" presName="childComposite" presStyleCnt="0">
        <dgm:presLayoutVars>
          <dgm:chMax val="0"/>
          <dgm:chPref val="0"/>
        </dgm:presLayoutVars>
      </dgm:prSet>
      <dgm:spPr/>
    </dgm:pt>
    <dgm:pt modelId="{4DD3D534-E31F-47A7-981E-5B2813A2D315}" type="pres">
      <dgm:prSet presAssocID="{536012C5-2581-4984-A1FD-0166D63F06BB}" presName="ChildAccent" presStyleLbl="solidFgAcc1" presStyleIdx="8" presStyleCnt="12"/>
      <dgm:spPr/>
    </dgm:pt>
    <dgm:pt modelId="{2EF226DC-AB5D-4A8C-91E7-F0F68626BF8E}" type="pres">
      <dgm:prSet presAssocID="{536012C5-2581-4984-A1FD-0166D63F06BB}" presName="Child" presStyleLbl="revTx" presStyleIdx="10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CF8C124-7ADC-411D-B13E-2096E5570593}" type="pres">
      <dgm:prSet presAssocID="{43BE8E01-C511-42E5-8477-E8FB692477A5}" presName="childComposite" presStyleCnt="0">
        <dgm:presLayoutVars>
          <dgm:chMax val="0"/>
          <dgm:chPref val="0"/>
        </dgm:presLayoutVars>
      </dgm:prSet>
      <dgm:spPr/>
    </dgm:pt>
    <dgm:pt modelId="{662BAA20-CCC6-492D-A419-1031557B69C1}" type="pres">
      <dgm:prSet presAssocID="{43BE8E01-C511-42E5-8477-E8FB692477A5}" presName="ChildAccent" presStyleLbl="solidFgAcc1" presStyleIdx="9" presStyleCnt="12"/>
      <dgm:spPr/>
    </dgm:pt>
    <dgm:pt modelId="{531A24E3-8250-4BCC-BA81-EA01228095B5}" type="pres">
      <dgm:prSet presAssocID="{43BE8E01-C511-42E5-8477-E8FB692477A5}" presName="Child" presStyleLbl="revTx" presStyleIdx="11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F4C7539-A87A-4C48-A671-D813BA6F55EA}" type="pres">
      <dgm:prSet presAssocID="{A3940087-DC6D-42B4-A7EA-86DA1468C8CA}" presName="childComposite" presStyleCnt="0">
        <dgm:presLayoutVars>
          <dgm:chMax val="0"/>
          <dgm:chPref val="0"/>
        </dgm:presLayoutVars>
      </dgm:prSet>
      <dgm:spPr/>
    </dgm:pt>
    <dgm:pt modelId="{A64462F3-63BB-4A40-BF6E-624BFC60E4CC}" type="pres">
      <dgm:prSet presAssocID="{A3940087-DC6D-42B4-A7EA-86DA1468C8CA}" presName="ChildAccent" presStyleLbl="solidFgAcc1" presStyleIdx="10" presStyleCnt="12"/>
      <dgm:spPr/>
    </dgm:pt>
    <dgm:pt modelId="{657B151E-6BA2-490B-BDFC-562E29D34721}" type="pres">
      <dgm:prSet presAssocID="{A3940087-DC6D-42B4-A7EA-86DA1468C8CA}" presName="Child" presStyleLbl="revTx" presStyleIdx="12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0105CF3-B17C-634C-A113-1EEDF559FFC1}" type="pres">
      <dgm:prSet presAssocID="{1741EA69-DE31-3544-AF12-F29F5D200EBA}" presName="childComposite" presStyleCnt="0">
        <dgm:presLayoutVars>
          <dgm:chMax val="0"/>
          <dgm:chPref val="0"/>
        </dgm:presLayoutVars>
      </dgm:prSet>
      <dgm:spPr/>
    </dgm:pt>
    <dgm:pt modelId="{9A50EFA3-DDF8-5C4C-A141-B0B68375EC79}" type="pres">
      <dgm:prSet presAssocID="{1741EA69-DE31-3544-AF12-F29F5D200EBA}" presName="ChildAccent" presStyleLbl="solidFgAcc1" presStyleIdx="11" presStyleCnt="12"/>
      <dgm:spPr/>
    </dgm:pt>
    <dgm:pt modelId="{0A66F047-5A16-E844-922E-D299ED74A24B}" type="pres">
      <dgm:prSet presAssocID="{1741EA69-DE31-3544-AF12-F29F5D200EBA}" presName="Child" presStyleLbl="revTx" presStyleIdx="13" presStyleCnt="1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E9CEC8A8-75D8-2B45-B2ED-DE4DBDBA90C7}" type="presOf" srcId="{8EEF22E7-6836-47C5-8E89-767D2B32C4DA}" destId="{6F23BEC7-6FE8-4C88-8AF6-8BE9A1D76F50}" srcOrd="0" destOrd="0" presId="urn:microsoft.com/office/officeart/2008/layout/SquareAccentList"/>
    <dgm:cxn modelId="{B750777D-D6AB-4F13-AC50-DEE9CA5577D3}" srcId="{162B5AD4-B964-4997-8B07-D666833B042B}" destId="{536012C5-2581-4984-A1FD-0166D63F06BB}" srcOrd="2" destOrd="0" parTransId="{C53BF6D6-1982-4310-BF9E-CFA5515FD0A7}" sibTransId="{42113833-3072-4C0D-BA59-345074E45036}"/>
    <dgm:cxn modelId="{5EF2D0E4-BAF6-9A40-AE8B-4F28982E367E}" type="presOf" srcId="{0A20BB00-B30D-49C5-B3B6-3C26F47268CA}" destId="{690E3E3D-22BC-42FD-B278-F48B2812EC65}" srcOrd="0" destOrd="0" presId="urn:microsoft.com/office/officeart/2008/layout/SquareAccentList"/>
    <dgm:cxn modelId="{A6864329-4544-2041-B251-F9028A930665}" type="presOf" srcId="{E5766713-922C-4528-9A8D-E12443E141EC}" destId="{1B097A9D-0402-4634-B80C-0DE1A4BFB986}" srcOrd="0" destOrd="0" presId="urn:microsoft.com/office/officeart/2008/layout/SquareAccentList"/>
    <dgm:cxn modelId="{72E952BF-CFC3-DF48-907B-08D0893C153D}" type="presOf" srcId="{A3940087-DC6D-42B4-A7EA-86DA1468C8CA}" destId="{657B151E-6BA2-490B-BDFC-562E29D34721}" srcOrd="0" destOrd="0" presId="urn:microsoft.com/office/officeart/2008/layout/SquareAccentList"/>
    <dgm:cxn modelId="{E867F963-33B1-114C-B3D8-BBE4D4580010}" type="presOf" srcId="{5AAF8915-419C-4671-B12A-951893BE3DB3}" destId="{B86283F9-6EE5-4A9D-8160-57AFD4997E01}" srcOrd="0" destOrd="0" presId="urn:microsoft.com/office/officeart/2008/layout/SquareAccentList"/>
    <dgm:cxn modelId="{F394106D-E38C-AD44-9722-B1635E1A2474}" srcId="{162B5AD4-B964-4997-8B07-D666833B042B}" destId="{1741EA69-DE31-3544-AF12-F29F5D200EBA}" srcOrd="5" destOrd="0" parTransId="{9F51B95A-0E89-F842-A5C8-43E40E345B3E}" sibTransId="{2D9A68D4-789C-3F4B-BCAD-82F21B7519D2}"/>
    <dgm:cxn modelId="{C8BD4570-F5E3-5B4A-9A1A-DF5DAB85D38D}" type="presOf" srcId="{1741EA69-DE31-3544-AF12-F29F5D200EBA}" destId="{0A66F047-5A16-E844-922E-D299ED74A24B}" srcOrd="0" destOrd="0" presId="urn:microsoft.com/office/officeart/2008/layout/SquareAccentList"/>
    <dgm:cxn modelId="{FABD061A-E68B-414A-A47E-E35365AE41F1}" type="presOf" srcId="{67F210C3-68B6-475F-A063-CFC725683D15}" destId="{6BF80A62-4F37-4DBC-9E07-D6871D5F9CB6}" srcOrd="0" destOrd="0" presId="urn:microsoft.com/office/officeart/2008/layout/SquareAccentList"/>
    <dgm:cxn modelId="{D26A9F6C-B79C-F045-8646-53E7555DA2D5}" type="presOf" srcId="{43BE8E01-C511-42E5-8477-E8FB692477A5}" destId="{531A24E3-8250-4BCC-BA81-EA01228095B5}" srcOrd="0" destOrd="0" presId="urn:microsoft.com/office/officeart/2008/layout/SquareAccentList"/>
    <dgm:cxn modelId="{4F3F4D68-501B-49A9-8385-72C9338007BF}" srcId="{162B5AD4-B964-4997-8B07-D666833B042B}" destId="{FC8E94FC-B04C-40C2-90B3-79311DD0DE9F}" srcOrd="0" destOrd="0" parTransId="{F47EB850-A76D-445D-B9B2-AF2C4CC9D704}" sibTransId="{6B2D4DCD-019C-4C63-8FE4-F76DEA9B8F59}"/>
    <dgm:cxn modelId="{3FB37D26-9CB0-4692-92E4-34D9A986E40C}" srcId="{67F210C3-68B6-475F-A063-CFC725683D15}" destId="{9BCC8D93-A629-40AD-A434-DF2395FE45C7}" srcOrd="3" destOrd="0" parTransId="{EF08B0BE-7BB5-4D9C-975D-A0FEC6E91F21}" sibTransId="{BFC43DA9-CB62-4E4F-8F3A-3F75E29F1C10}"/>
    <dgm:cxn modelId="{3B18B8EE-835C-504A-892C-5F405A367427}" type="presOf" srcId="{27FC3439-BDC0-4FB7-8FF0-9A6E87801763}" destId="{62F4B66D-20A9-4080-841B-411CEE9EC58F}" srcOrd="0" destOrd="0" presId="urn:microsoft.com/office/officeart/2008/layout/SquareAccentList"/>
    <dgm:cxn modelId="{B16BB9D6-DB95-4DB4-B77F-256B80C6E9E3}" srcId="{27FC3439-BDC0-4FB7-8FF0-9A6E87801763}" destId="{67F210C3-68B6-475F-A063-CFC725683D15}" srcOrd="0" destOrd="0" parTransId="{FBEF45E3-967E-43A4-A175-6F8EEA49F824}" sibTransId="{016F90E3-E12A-4220-ABB9-DE025B511A58}"/>
    <dgm:cxn modelId="{7BF56B62-57C2-B343-8305-8F50DB71FDA5}" type="presOf" srcId="{FC8E94FC-B04C-40C2-90B3-79311DD0DE9F}" destId="{F837B0F1-0758-4AA6-AAB1-2F6A0E98E331}" srcOrd="0" destOrd="0" presId="urn:microsoft.com/office/officeart/2008/layout/SquareAccentList"/>
    <dgm:cxn modelId="{EDCCBCF2-C5B0-41FF-82DC-4D2DB052B339}" srcId="{162B5AD4-B964-4997-8B07-D666833B042B}" destId="{AA367108-7549-47DE-B3FA-4E7DC8B45C17}" srcOrd="1" destOrd="0" parTransId="{53283012-3478-423A-960C-6A044FFE638F}" sibTransId="{D7AD4E54-E926-4D9E-A3D8-4CCA5F263C2B}"/>
    <dgm:cxn modelId="{13B804C8-999F-44C2-8B57-2A1D9FC52453}" srcId="{162B5AD4-B964-4997-8B07-D666833B042B}" destId="{A3940087-DC6D-42B4-A7EA-86DA1468C8CA}" srcOrd="4" destOrd="0" parTransId="{8B7CD2F0-B246-4066-BC8D-14A0E4FFC8D8}" sibTransId="{7D056F1D-5162-4F4C-879D-971A58C8499B}"/>
    <dgm:cxn modelId="{C4943A94-3DE9-5544-B98C-4920D9DDFBDA}" type="presOf" srcId="{AA367108-7549-47DE-B3FA-4E7DC8B45C17}" destId="{C721A439-08AB-4380-BB73-13D20BF66B02}" srcOrd="0" destOrd="0" presId="urn:microsoft.com/office/officeart/2008/layout/SquareAccentList"/>
    <dgm:cxn modelId="{A206D2B9-8B08-6345-B9E4-956B62F9EBD3}" type="presOf" srcId="{536012C5-2581-4984-A1FD-0166D63F06BB}" destId="{2EF226DC-AB5D-4A8C-91E7-F0F68626BF8E}" srcOrd="0" destOrd="0" presId="urn:microsoft.com/office/officeart/2008/layout/SquareAccentList"/>
    <dgm:cxn modelId="{588F52C6-EE41-5648-87F9-F48687D56386}" type="presOf" srcId="{EC976A1F-9C10-4717-9AD8-C215F1740DDE}" destId="{CA1A8B2A-3A7F-498B-B80B-98ADEE5D2E96}" srcOrd="0" destOrd="0" presId="urn:microsoft.com/office/officeart/2008/layout/SquareAccentList"/>
    <dgm:cxn modelId="{C46B2831-B5E2-4485-9493-1F95D28D5296}" srcId="{67F210C3-68B6-475F-A063-CFC725683D15}" destId="{0A20BB00-B30D-49C5-B3B6-3C26F47268CA}" srcOrd="4" destOrd="0" parTransId="{89BFF413-80C6-4810-B0FE-198CAA0D0E07}" sibTransId="{4D8922BF-0C0B-4550-B5DE-D665E8743014}"/>
    <dgm:cxn modelId="{89E9C5CC-3F54-47DE-9B28-DDF022FF6033}" srcId="{162B5AD4-B964-4997-8B07-D666833B042B}" destId="{43BE8E01-C511-42E5-8477-E8FB692477A5}" srcOrd="3" destOrd="0" parTransId="{14BC7F22-2B86-4986-96DC-BCB62467B1E8}" sibTransId="{5D90010B-A5D3-4361-8404-4CEC1AC21661}"/>
    <dgm:cxn modelId="{313D54DA-DFA3-41BF-948F-A8B40CD7DFE4}" srcId="{67F210C3-68B6-475F-A063-CFC725683D15}" destId="{E5766713-922C-4528-9A8D-E12443E141EC}" srcOrd="2" destOrd="0" parTransId="{63633452-3B4D-4F4B-B693-299E8341CCF2}" sibTransId="{24156A11-8B3A-4CAF-BEE6-F73E0553718F}"/>
    <dgm:cxn modelId="{120862E1-2365-A44D-8502-B43455E28671}" type="presOf" srcId="{9BCC8D93-A629-40AD-A434-DF2395FE45C7}" destId="{70C2B3DD-E5DE-4D93-B211-2C42612CAFE9}" srcOrd="0" destOrd="0" presId="urn:microsoft.com/office/officeart/2008/layout/SquareAccentList"/>
    <dgm:cxn modelId="{EB997715-0116-4578-99D6-63626454E023}" srcId="{67F210C3-68B6-475F-A063-CFC725683D15}" destId="{8EEF22E7-6836-47C5-8E89-767D2B32C4DA}" srcOrd="5" destOrd="0" parTransId="{9C32C676-F26C-482A-80AC-4C5AC5444DE7}" sibTransId="{C7005971-F9C9-4CC8-80B3-45DA72FE13CF}"/>
    <dgm:cxn modelId="{5BEFE02D-9306-4C22-91B0-9A7B27E06115}" srcId="{67F210C3-68B6-475F-A063-CFC725683D15}" destId="{5AAF8915-419C-4671-B12A-951893BE3DB3}" srcOrd="0" destOrd="0" parTransId="{0BA0A969-FB45-43FC-82B0-D7201B799365}" sibTransId="{D11DA02F-7E3B-4B5E-81D0-63B1F340086F}"/>
    <dgm:cxn modelId="{3DF680DB-C17D-4FE1-B400-E02F16DF1ED1}" srcId="{27FC3439-BDC0-4FB7-8FF0-9A6E87801763}" destId="{162B5AD4-B964-4997-8B07-D666833B042B}" srcOrd="1" destOrd="0" parTransId="{2CC9B4C8-FA82-4AA8-99F0-354BEF65EA6C}" sibTransId="{D3016759-03F4-45C4-B3CE-319BE4CEB638}"/>
    <dgm:cxn modelId="{DF8D77D9-D1CD-4E98-9B69-31F9E67EF1E4}" srcId="{67F210C3-68B6-475F-A063-CFC725683D15}" destId="{EC976A1F-9C10-4717-9AD8-C215F1740DDE}" srcOrd="1" destOrd="0" parTransId="{82B73C97-41AC-4D6A-8B38-20D2785EE4F3}" sibTransId="{CCCA2C32-87ED-4B27-AC66-D276AB27C8E8}"/>
    <dgm:cxn modelId="{0BF53469-5E3D-B749-9FC5-0DEB4D589197}" type="presOf" srcId="{162B5AD4-B964-4997-8B07-D666833B042B}" destId="{E77709CD-B11B-47C6-9DE2-45C96B654159}" srcOrd="0" destOrd="0" presId="urn:microsoft.com/office/officeart/2008/layout/SquareAccentList"/>
    <dgm:cxn modelId="{93D17084-D9BD-484E-9B0C-16DE65E77797}" type="presParOf" srcId="{62F4B66D-20A9-4080-841B-411CEE9EC58F}" destId="{9EE34F92-5CB3-4E50-BA73-BB7E079451E5}" srcOrd="0" destOrd="0" presId="urn:microsoft.com/office/officeart/2008/layout/SquareAccentList"/>
    <dgm:cxn modelId="{2996F905-41B2-144E-800F-FE859B738BFC}" type="presParOf" srcId="{9EE34F92-5CB3-4E50-BA73-BB7E079451E5}" destId="{E53F0FD0-6EC2-4D53-9CD6-9FA60CDC78C3}" srcOrd="0" destOrd="0" presId="urn:microsoft.com/office/officeart/2008/layout/SquareAccentList"/>
    <dgm:cxn modelId="{E5EF08E1-AFF5-414D-A97F-71544822F490}" type="presParOf" srcId="{E53F0FD0-6EC2-4D53-9CD6-9FA60CDC78C3}" destId="{EE6580FA-20FF-42F5-B9D0-3AE6E9B17D66}" srcOrd="0" destOrd="0" presId="urn:microsoft.com/office/officeart/2008/layout/SquareAccentList"/>
    <dgm:cxn modelId="{F760987C-B9C6-8742-B6AB-A7FE7A05FF0B}" type="presParOf" srcId="{E53F0FD0-6EC2-4D53-9CD6-9FA60CDC78C3}" destId="{A5F2FFED-3260-4922-9C3F-5AC0708702F7}" srcOrd="1" destOrd="0" presId="urn:microsoft.com/office/officeart/2008/layout/SquareAccentList"/>
    <dgm:cxn modelId="{110D5BBD-C895-1442-862E-F28FAD856699}" type="presParOf" srcId="{E53F0FD0-6EC2-4D53-9CD6-9FA60CDC78C3}" destId="{6BF80A62-4F37-4DBC-9E07-D6871D5F9CB6}" srcOrd="2" destOrd="0" presId="urn:microsoft.com/office/officeart/2008/layout/SquareAccentList"/>
    <dgm:cxn modelId="{B68006E9-04C9-5E41-904F-6FAE142BCB91}" type="presParOf" srcId="{9EE34F92-5CB3-4E50-BA73-BB7E079451E5}" destId="{2D5705B2-DFBF-4065-973F-0589F67E28D7}" srcOrd="1" destOrd="0" presId="urn:microsoft.com/office/officeart/2008/layout/SquareAccentList"/>
    <dgm:cxn modelId="{8ECF787A-EF0C-BC40-A7AD-09F589DA4EF1}" type="presParOf" srcId="{2D5705B2-DFBF-4065-973F-0589F67E28D7}" destId="{794CDAF8-A0F7-4248-9520-8B7491898187}" srcOrd="0" destOrd="0" presId="urn:microsoft.com/office/officeart/2008/layout/SquareAccentList"/>
    <dgm:cxn modelId="{8BD81AAA-86D0-E34D-94AC-1E2F8C95D3A0}" type="presParOf" srcId="{794CDAF8-A0F7-4248-9520-8B7491898187}" destId="{5323F515-0F13-408C-8D24-E304651EEA30}" srcOrd="0" destOrd="0" presId="urn:microsoft.com/office/officeart/2008/layout/SquareAccentList"/>
    <dgm:cxn modelId="{DE366E12-2C13-8544-B68A-37006D360B64}" type="presParOf" srcId="{794CDAF8-A0F7-4248-9520-8B7491898187}" destId="{B86283F9-6EE5-4A9D-8160-57AFD4997E01}" srcOrd="1" destOrd="0" presId="urn:microsoft.com/office/officeart/2008/layout/SquareAccentList"/>
    <dgm:cxn modelId="{214AAE31-F2A9-9B40-88C2-FB0E92A3A0B8}" type="presParOf" srcId="{2D5705B2-DFBF-4065-973F-0589F67E28D7}" destId="{63FB5CA3-D33E-4E1E-B69E-1002343D5C56}" srcOrd="1" destOrd="0" presId="urn:microsoft.com/office/officeart/2008/layout/SquareAccentList"/>
    <dgm:cxn modelId="{CEE10E74-0076-5642-9BB5-E82FF9166B99}" type="presParOf" srcId="{63FB5CA3-D33E-4E1E-B69E-1002343D5C56}" destId="{5416766C-CA9C-4E93-835F-863AC36BFFBE}" srcOrd="0" destOrd="0" presId="urn:microsoft.com/office/officeart/2008/layout/SquareAccentList"/>
    <dgm:cxn modelId="{E5E8921D-86A2-1747-90B1-B545CC5F2869}" type="presParOf" srcId="{63FB5CA3-D33E-4E1E-B69E-1002343D5C56}" destId="{CA1A8B2A-3A7F-498B-B80B-98ADEE5D2E96}" srcOrd="1" destOrd="0" presId="urn:microsoft.com/office/officeart/2008/layout/SquareAccentList"/>
    <dgm:cxn modelId="{D2986ACD-A534-404F-8B15-35FD741AB661}" type="presParOf" srcId="{2D5705B2-DFBF-4065-973F-0589F67E28D7}" destId="{26814A90-BD88-4A9F-9D34-4B10BE41327D}" srcOrd="2" destOrd="0" presId="urn:microsoft.com/office/officeart/2008/layout/SquareAccentList"/>
    <dgm:cxn modelId="{99C87489-CC1E-374C-BA0C-E39E93BF6631}" type="presParOf" srcId="{26814A90-BD88-4A9F-9D34-4B10BE41327D}" destId="{203A641A-B68D-4460-9168-C6BBC90B672D}" srcOrd="0" destOrd="0" presId="urn:microsoft.com/office/officeart/2008/layout/SquareAccentList"/>
    <dgm:cxn modelId="{80AD2CC6-1084-B547-8F30-949934714E9A}" type="presParOf" srcId="{26814A90-BD88-4A9F-9D34-4B10BE41327D}" destId="{1B097A9D-0402-4634-B80C-0DE1A4BFB986}" srcOrd="1" destOrd="0" presId="urn:microsoft.com/office/officeart/2008/layout/SquareAccentList"/>
    <dgm:cxn modelId="{D299C455-33A0-864F-B7D1-C5B87BCB61DF}" type="presParOf" srcId="{2D5705B2-DFBF-4065-973F-0589F67E28D7}" destId="{2FE17DC9-FA38-4A8F-BCE9-6B3066C52A1B}" srcOrd="3" destOrd="0" presId="urn:microsoft.com/office/officeart/2008/layout/SquareAccentList"/>
    <dgm:cxn modelId="{ADB29FD9-817B-5D45-A4BA-8F1F22395DCA}" type="presParOf" srcId="{2FE17DC9-FA38-4A8F-BCE9-6B3066C52A1B}" destId="{2A546279-477B-4B4E-9FE3-30D7471A2E33}" srcOrd="0" destOrd="0" presId="urn:microsoft.com/office/officeart/2008/layout/SquareAccentList"/>
    <dgm:cxn modelId="{A83404CF-9C12-BD4F-9823-593EB08BC0C6}" type="presParOf" srcId="{2FE17DC9-FA38-4A8F-BCE9-6B3066C52A1B}" destId="{70C2B3DD-E5DE-4D93-B211-2C42612CAFE9}" srcOrd="1" destOrd="0" presId="urn:microsoft.com/office/officeart/2008/layout/SquareAccentList"/>
    <dgm:cxn modelId="{AA49982A-F350-4745-BB4F-FBCA5741D866}" type="presParOf" srcId="{2D5705B2-DFBF-4065-973F-0589F67E28D7}" destId="{108E680C-A417-4103-826A-3FEC7D023D38}" srcOrd="4" destOrd="0" presId="urn:microsoft.com/office/officeart/2008/layout/SquareAccentList"/>
    <dgm:cxn modelId="{4CF9079B-FA53-EC4C-ACBF-B94CAB18B19F}" type="presParOf" srcId="{108E680C-A417-4103-826A-3FEC7D023D38}" destId="{3ACE7179-5A07-456D-A549-DB1E848E1314}" srcOrd="0" destOrd="0" presId="urn:microsoft.com/office/officeart/2008/layout/SquareAccentList"/>
    <dgm:cxn modelId="{8B732EFB-3F2A-AC44-8171-626866952414}" type="presParOf" srcId="{108E680C-A417-4103-826A-3FEC7D023D38}" destId="{690E3E3D-22BC-42FD-B278-F48B2812EC65}" srcOrd="1" destOrd="0" presId="urn:microsoft.com/office/officeart/2008/layout/SquareAccentList"/>
    <dgm:cxn modelId="{CE49CEAA-16C8-324C-A146-8CD4C20B4E24}" type="presParOf" srcId="{2D5705B2-DFBF-4065-973F-0589F67E28D7}" destId="{D4A56E51-1E14-4F0A-9A94-B5093205335A}" srcOrd="5" destOrd="0" presId="urn:microsoft.com/office/officeart/2008/layout/SquareAccentList"/>
    <dgm:cxn modelId="{398324BF-C2E6-CA4B-A047-BC382051BA76}" type="presParOf" srcId="{D4A56E51-1E14-4F0A-9A94-B5093205335A}" destId="{8F8AE62F-8709-499B-992C-58CE2ABDD147}" srcOrd="0" destOrd="0" presId="urn:microsoft.com/office/officeart/2008/layout/SquareAccentList"/>
    <dgm:cxn modelId="{8550547A-8CEB-AB4E-AF1D-546B5354DD3F}" type="presParOf" srcId="{D4A56E51-1E14-4F0A-9A94-B5093205335A}" destId="{6F23BEC7-6FE8-4C88-8AF6-8BE9A1D76F50}" srcOrd="1" destOrd="0" presId="urn:microsoft.com/office/officeart/2008/layout/SquareAccentList"/>
    <dgm:cxn modelId="{57326157-4983-6D48-9DD9-CEA7F72CEBBA}" type="presParOf" srcId="{62F4B66D-20A9-4080-841B-411CEE9EC58F}" destId="{718B630C-AF3F-4137-B5F9-2D6A523C24E2}" srcOrd="1" destOrd="0" presId="urn:microsoft.com/office/officeart/2008/layout/SquareAccentList"/>
    <dgm:cxn modelId="{22B9B87C-3C0B-BA40-ADA9-CA92A9A031F8}" type="presParOf" srcId="{718B630C-AF3F-4137-B5F9-2D6A523C24E2}" destId="{A710307B-0FA9-4ED0-BC45-AA393F28E948}" srcOrd="0" destOrd="0" presId="urn:microsoft.com/office/officeart/2008/layout/SquareAccentList"/>
    <dgm:cxn modelId="{C3F9CF40-3F9A-FE46-8C78-6891D4CF4824}" type="presParOf" srcId="{A710307B-0FA9-4ED0-BC45-AA393F28E948}" destId="{31930DDC-9379-4CFE-84B6-403D8DA4EE3C}" srcOrd="0" destOrd="0" presId="urn:microsoft.com/office/officeart/2008/layout/SquareAccentList"/>
    <dgm:cxn modelId="{760952D7-2031-5E45-B98F-56369C003596}" type="presParOf" srcId="{A710307B-0FA9-4ED0-BC45-AA393F28E948}" destId="{8C997A84-7BBB-454D-827E-C58C73AFA1EA}" srcOrd="1" destOrd="0" presId="urn:microsoft.com/office/officeart/2008/layout/SquareAccentList"/>
    <dgm:cxn modelId="{9A98D5D6-5424-6243-9A0C-43B3ACA8155E}" type="presParOf" srcId="{A710307B-0FA9-4ED0-BC45-AA393F28E948}" destId="{E77709CD-B11B-47C6-9DE2-45C96B654159}" srcOrd="2" destOrd="0" presId="urn:microsoft.com/office/officeart/2008/layout/SquareAccentList"/>
    <dgm:cxn modelId="{0C5666C8-8A93-4044-8E9F-1F5BD0E8AA45}" type="presParOf" srcId="{718B630C-AF3F-4137-B5F9-2D6A523C24E2}" destId="{7ED0B1AA-E619-4CDD-AA69-480A9A549567}" srcOrd="1" destOrd="0" presId="urn:microsoft.com/office/officeart/2008/layout/SquareAccentList"/>
    <dgm:cxn modelId="{9C2ED1EB-14C4-DC4A-80D3-B37FE647CC50}" type="presParOf" srcId="{7ED0B1AA-E619-4CDD-AA69-480A9A549567}" destId="{DDBA050E-9D4D-4FF1-8367-60CD948B355F}" srcOrd="0" destOrd="0" presId="urn:microsoft.com/office/officeart/2008/layout/SquareAccentList"/>
    <dgm:cxn modelId="{68B7C6EC-5E68-8C46-95F7-68FAA61A22EA}" type="presParOf" srcId="{DDBA050E-9D4D-4FF1-8367-60CD948B355F}" destId="{13825A37-883B-4F23-AFC9-DC86ADDFFB1F}" srcOrd="0" destOrd="0" presId="urn:microsoft.com/office/officeart/2008/layout/SquareAccentList"/>
    <dgm:cxn modelId="{10E59598-37E4-9E4C-894A-FA0366A2E757}" type="presParOf" srcId="{DDBA050E-9D4D-4FF1-8367-60CD948B355F}" destId="{F837B0F1-0758-4AA6-AAB1-2F6A0E98E331}" srcOrd="1" destOrd="0" presId="urn:microsoft.com/office/officeart/2008/layout/SquareAccentList"/>
    <dgm:cxn modelId="{80706FFE-B19A-D94F-82C9-CD743F3C9C8A}" type="presParOf" srcId="{7ED0B1AA-E619-4CDD-AA69-480A9A549567}" destId="{7670F82E-C1BC-4B94-A306-30D7928CD873}" srcOrd="1" destOrd="0" presId="urn:microsoft.com/office/officeart/2008/layout/SquareAccentList"/>
    <dgm:cxn modelId="{0B9C60CC-EC88-6243-B672-8C17DAD37766}" type="presParOf" srcId="{7670F82E-C1BC-4B94-A306-30D7928CD873}" destId="{EB3E1D36-94DB-4EAA-95DB-5F306D207456}" srcOrd="0" destOrd="0" presId="urn:microsoft.com/office/officeart/2008/layout/SquareAccentList"/>
    <dgm:cxn modelId="{B1D5E0FA-5409-D644-A4A8-F577DFF31EF7}" type="presParOf" srcId="{7670F82E-C1BC-4B94-A306-30D7928CD873}" destId="{C721A439-08AB-4380-BB73-13D20BF66B02}" srcOrd="1" destOrd="0" presId="urn:microsoft.com/office/officeart/2008/layout/SquareAccentList"/>
    <dgm:cxn modelId="{36B9B21D-8762-A540-8B81-4CA73603451B}" type="presParOf" srcId="{7ED0B1AA-E619-4CDD-AA69-480A9A549567}" destId="{EC60BB1A-711B-4553-A8A2-48267495A587}" srcOrd="2" destOrd="0" presId="urn:microsoft.com/office/officeart/2008/layout/SquareAccentList"/>
    <dgm:cxn modelId="{57F5E0B4-1B6D-2345-9B12-14FC530FA2D4}" type="presParOf" srcId="{EC60BB1A-711B-4553-A8A2-48267495A587}" destId="{4DD3D534-E31F-47A7-981E-5B2813A2D315}" srcOrd="0" destOrd="0" presId="urn:microsoft.com/office/officeart/2008/layout/SquareAccentList"/>
    <dgm:cxn modelId="{55D7E173-2D7D-5747-82BA-2BD33F12A4D9}" type="presParOf" srcId="{EC60BB1A-711B-4553-A8A2-48267495A587}" destId="{2EF226DC-AB5D-4A8C-91E7-F0F68626BF8E}" srcOrd="1" destOrd="0" presId="urn:microsoft.com/office/officeart/2008/layout/SquareAccentList"/>
    <dgm:cxn modelId="{321676FE-C486-1244-B8D9-BA1C38A6223E}" type="presParOf" srcId="{7ED0B1AA-E619-4CDD-AA69-480A9A549567}" destId="{CCF8C124-7ADC-411D-B13E-2096E5570593}" srcOrd="3" destOrd="0" presId="urn:microsoft.com/office/officeart/2008/layout/SquareAccentList"/>
    <dgm:cxn modelId="{72351BB3-3150-EA40-8E76-C8DDD0233637}" type="presParOf" srcId="{CCF8C124-7ADC-411D-B13E-2096E5570593}" destId="{662BAA20-CCC6-492D-A419-1031557B69C1}" srcOrd="0" destOrd="0" presId="urn:microsoft.com/office/officeart/2008/layout/SquareAccentList"/>
    <dgm:cxn modelId="{D8B01359-01DF-5941-AF2D-FE6E06BC31D5}" type="presParOf" srcId="{CCF8C124-7ADC-411D-B13E-2096E5570593}" destId="{531A24E3-8250-4BCC-BA81-EA01228095B5}" srcOrd="1" destOrd="0" presId="urn:microsoft.com/office/officeart/2008/layout/SquareAccentList"/>
    <dgm:cxn modelId="{A3F2B291-77D0-9E41-B6AE-56128407AD66}" type="presParOf" srcId="{7ED0B1AA-E619-4CDD-AA69-480A9A549567}" destId="{AF4C7539-A87A-4C48-A671-D813BA6F55EA}" srcOrd="4" destOrd="0" presId="urn:microsoft.com/office/officeart/2008/layout/SquareAccentList"/>
    <dgm:cxn modelId="{CD8C8021-85FA-6C40-8596-42FC841B6CED}" type="presParOf" srcId="{AF4C7539-A87A-4C48-A671-D813BA6F55EA}" destId="{A64462F3-63BB-4A40-BF6E-624BFC60E4CC}" srcOrd="0" destOrd="0" presId="urn:microsoft.com/office/officeart/2008/layout/SquareAccentList"/>
    <dgm:cxn modelId="{CB99C4B3-65AE-5345-8879-2646F7DB8EAD}" type="presParOf" srcId="{AF4C7539-A87A-4C48-A671-D813BA6F55EA}" destId="{657B151E-6BA2-490B-BDFC-562E29D34721}" srcOrd="1" destOrd="0" presId="urn:microsoft.com/office/officeart/2008/layout/SquareAccentList"/>
    <dgm:cxn modelId="{C2853515-9D18-3B43-A1E5-98E4A35CB499}" type="presParOf" srcId="{7ED0B1AA-E619-4CDD-AA69-480A9A549567}" destId="{A0105CF3-B17C-634C-A113-1EEDF559FFC1}" srcOrd="5" destOrd="0" presId="urn:microsoft.com/office/officeart/2008/layout/SquareAccentList"/>
    <dgm:cxn modelId="{BB80F453-2F9C-B14F-8A01-7894D381A220}" type="presParOf" srcId="{A0105CF3-B17C-634C-A113-1EEDF559FFC1}" destId="{9A50EFA3-DDF8-5C4C-A141-B0B68375EC79}" srcOrd="0" destOrd="0" presId="urn:microsoft.com/office/officeart/2008/layout/SquareAccentList"/>
    <dgm:cxn modelId="{0B3EE645-2928-4C4D-A2DB-7FA7D7315350}" type="presParOf" srcId="{A0105CF3-B17C-634C-A113-1EEDF559FFC1}" destId="{0A66F047-5A16-E844-922E-D299ED74A24B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7FC3439-BDC0-4FB7-8FF0-9A6E87801763}" type="doc">
      <dgm:prSet loTypeId="urn:microsoft.com/office/officeart/2008/layout/SquareAccentList" loCatId="" qsTypeId="urn:microsoft.com/office/officeart/2005/8/quickstyle/simple3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67F210C3-68B6-475F-A063-CFC725683D15}">
      <dgm:prSet phldrT="[Text]"/>
      <dgm:spPr/>
      <dgm:t>
        <a:bodyPr/>
        <a:lstStyle/>
        <a:p>
          <a:r>
            <a:rPr lang="en-US" b="1" dirty="0" smtClean="0"/>
            <a:t>Existing</a:t>
          </a:r>
          <a:r>
            <a:rPr lang="en-US" b="1" baseline="0" dirty="0" smtClean="0"/>
            <a:t> Scope</a:t>
          </a:r>
          <a:endParaRPr lang="en-US" b="1" dirty="0"/>
        </a:p>
      </dgm:t>
    </dgm:pt>
    <dgm:pt modelId="{FBEF45E3-967E-43A4-A175-6F8EEA49F824}" type="parTrans" cxnId="{B16BB9D6-DB95-4DB4-B77F-256B80C6E9E3}">
      <dgm:prSet/>
      <dgm:spPr/>
      <dgm:t>
        <a:bodyPr/>
        <a:lstStyle/>
        <a:p>
          <a:endParaRPr lang="en-US"/>
        </a:p>
      </dgm:t>
    </dgm:pt>
    <dgm:pt modelId="{016F90E3-E12A-4220-ABB9-DE025B511A58}" type="sibTrans" cxnId="{B16BB9D6-DB95-4DB4-B77F-256B80C6E9E3}">
      <dgm:prSet/>
      <dgm:spPr/>
      <dgm:t>
        <a:bodyPr/>
        <a:lstStyle/>
        <a:p>
          <a:endParaRPr lang="en-US"/>
        </a:p>
      </dgm:t>
    </dgm:pt>
    <dgm:pt modelId="{5AAF8915-419C-4671-B12A-951893BE3DB3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Check MRC Status</a:t>
          </a:r>
          <a:endParaRPr lang="en-US" sz="1600" b="1" i="1" dirty="0">
            <a:solidFill>
              <a:srgbClr val="FF0000"/>
            </a:solidFill>
          </a:endParaRPr>
        </a:p>
      </dgm:t>
    </dgm:pt>
    <dgm:pt modelId="{0BA0A969-FB45-43FC-82B0-D7201B799365}" type="parTrans" cxnId="{5BEFE02D-9306-4C22-91B0-9A7B27E06115}">
      <dgm:prSet/>
      <dgm:spPr/>
      <dgm:t>
        <a:bodyPr/>
        <a:lstStyle/>
        <a:p>
          <a:endParaRPr lang="en-US"/>
        </a:p>
      </dgm:t>
    </dgm:pt>
    <dgm:pt modelId="{D11DA02F-7E3B-4B5E-81D0-63B1F340086F}" type="sibTrans" cxnId="{5BEFE02D-9306-4C22-91B0-9A7B27E06115}">
      <dgm:prSet/>
      <dgm:spPr/>
      <dgm:t>
        <a:bodyPr/>
        <a:lstStyle/>
        <a:p>
          <a:endParaRPr lang="en-US"/>
        </a:p>
      </dgm:t>
    </dgm:pt>
    <dgm:pt modelId="{E5766713-922C-4528-9A8D-E12443E141EC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In-app</a:t>
          </a:r>
          <a:r>
            <a:rPr lang="en-US" sz="1600" b="1" i="1" baseline="0" dirty="0" smtClean="0">
              <a:solidFill>
                <a:srgbClr val="FF0000"/>
              </a:solidFill>
            </a:rPr>
            <a:t> image processing (document upload)</a:t>
          </a:r>
          <a:endParaRPr lang="en-US" sz="1600" b="1" i="1" dirty="0">
            <a:solidFill>
              <a:srgbClr val="FF0000"/>
            </a:solidFill>
          </a:endParaRPr>
        </a:p>
      </dgm:t>
    </dgm:pt>
    <dgm:pt modelId="{63633452-3B4D-4F4B-B693-299E8341CCF2}" type="parTrans" cxnId="{313D54DA-DFA3-41BF-948F-A8B40CD7DFE4}">
      <dgm:prSet/>
      <dgm:spPr/>
      <dgm:t>
        <a:bodyPr/>
        <a:lstStyle/>
        <a:p>
          <a:endParaRPr lang="en-US"/>
        </a:p>
      </dgm:t>
    </dgm:pt>
    <dgm:pt modelId="{24156A11-8B3A-4CAF-BEE6-F73E0553718F}" type="sibTrans" cxnId="{313D54DA-DFA3-41BF-948F-A8B40CD7DFE4}">
      <dgm:prSet/>
      <dgm:spPr/>
      <dgm:t>
        <a:bodyPr/>
        <a:lstStyle/>
        <a:p>
          <a:endParaRPr lang="en-US"/>
        </a:p>
      </dgm:t>
    </dgm:pt>
    <dgm:pt modelId="{9BCC8D93-A629-40AD-A434-DF2395FE45C7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Connect with Bluetooth printer</a:t>
          </a:r>
          <a:endParaRPr lang="en-US" sz="1600" b="1" i="1" dirty="0">
            <a:solidFill>
              <a:srgbClr val="FF0000"/>
            </a:solidFill>
          </a:endParaRPr>
        </a:p>
      </dgm:t>
    </dgm:pt>
    <dgm:pt modelId="{EF08B0BE-7BB5-4D9C-975D-A0FEC6E91F21}" type="parTrans" cxnId="{3FB37D26-9CB0-4692-92E4-34D9A986E40C}">
      <dgm:prSet/>
      <dgm:spPr/>
      <dgm:t>
        <a:bodyPr/>
        <a:lstStyle/>
        <a:p>
          <a:endParaRPr lang="en-US"/>
        </a:p>
      </dgm:t>
    </dgm:pt>
    <dgm:pt modelId="{BFC43DA9-CB62-4E4F-8F3A-3F75E29F1C10}" type="sibTrans" cxnId="{3FB37D26-9CB0-4692-92E4-34D9A986E40C}">
      <dgm:prSet/>
      <dgm:spPr/>
      <dgm:t>
        <a:bodyPr/>
        <a:lstStyle/>
        <a:p>
          <a:endParaRPr lang="en-US"/>
        </a:p>
      </dgm:t>
    </dgm:pt>
    <dgm:pt modelId="{162B5AD4-B964-4997-8B07-D666833B042B}">
      <dgm:prSet phldrT="[Text]"/>
      <dgm:spPr/>
      <dgm:t>
        <a:bodyPr/>
        <a:lstStyle/>
        <a:p>
          <a:r>
            <a:rPr lang="en-US" b="1" dirty="0" smtClean="0"/>
            <a:t>Proposed Scope</a:t>
          </a:r>
          <a:endParaRPr lang="en-US" b="1" dirty="0"/>
        </a:p>
      </dgm:t>
    </dgm:pt>
    <dgm:pt modelId="{2CC9B4C8-FA82-4AA8-99F0-354BEF65EA6C}" type="parTrans" cxnId="{3DF680DB-C17D-4FE1-B400-E02F16DF1ED1}">
      <dgm:prSet/>
      <dgm:spPr/>
      <dgm:t>
        <a:bodyPr/>
        <a:lstStyle/>
        <a:p>
          <a:endParaRPr lang="en-US"/>
        </a:p>
      </dgm:t>
    </dgm:pt>
    <dgm:pt modelId="{D3016759-03F4-45C4-B3CE-319BE4CEB638}" type="sibTrans" cxnId="{3DF680DB-C17D-4FE1-B400-E02F16DF1ED1}">
      <dgm:prSet/>
      <dgm:spPr/>
      <dgm:t>
        <a:bodyPr/>
        <a:lstStyle/>
        <a:p>
          <a:endParaRPr lang="en-US"/>
        </a:p>
      </dgm:t>
    </dgm:pt>
    <dgm:pt modelId="{FC8E94FC-B04C-40C2-90B3-79311DD0DE9F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Credit</a:t>
          </a:r>
          <a:r>
            <a:rPr lang="en-US" sz="1600" b="1" i="1" baseline="0" dirty="0" smtClean="0">
              <a:solidFill>
                <a:srgbClr val="FF0000"/>
              </a:solidFill>
            </a:rPr>
            <a:t> card integration (Part 2) - </a:t>
          </a:r>
          <a:r>
            <a:rPr lang="en-US" sz="1600" b="1" i="1" dirty="0" smtClean="0">
              <a:solidFill>
                <a:srgbClr val="FF0000"/>
              </a:solidFill>
            </a:rPr>
            <a:t>Loan/credit card disbursement (</a:t>
          </a:r>
          <a:r>
            <a:rPr lang="en-US" sz="1600" b="1" i="1" dirty="0" err="1" smtClean="0">
              <a:solidFill>
                <a:srgbClr val="FF0000"/>
              </a:solidFill>
            </a:rPr>
            <a:t>cardless</a:t>
          </a:r>
          <a:r>
            <a:rPr lang="en-US" sz="1600" b="1" i="1" dirty="0" smtClean="0">
              <a:solidFill>
                <a:srgbClr val="FF0000"/>
              </a:solidFill>
            </a:rPr>
            <a:t>, </a:t>
          </a:r>
          <a:r>
            <a:rPr lang="en-US" sz="1600" b="1" i="1" err="1" smtClean="0">
              <a:solidFill>
                <a:srgbClr val="FF0000"/>
              </a:solidFill>
            </a:rPr>
            <a:t>iBFT</a:t>
          </a:r>
          <a:r>
            <a:rPr lang="en-US" sz="1600" b="1" i="1" smtClean="0">
              <a:solidFill>
                <a:srgbClr val="FF0000"/>
              </a:solidFill>
            </a:rPr>
            <a:t>)</a:t>
          </a:r>
          <a:endParaRPr lang="en-US" sz="1600" b="1" i="1" dirty="0">
            <a:solidFill>
              <a:srgbClr val="FF0000"/>
            </a:solidFill>
          </a:endParaRPr>
        </a:p>
      </dgm:t>
    </dgm:pt>
    <dgm:pt modelId="{F47EB850-A76D-445D-B9B2-AF2C4CC9D704}" type="parTrans" cxnId="{4F3F4D68-501B-49A9-8385-72C9338007BF}">
      <dgm:prSet/>
      <dgm:spPr/>
      <dgm:t>
        <a:bodyPr/>
        <a:lstStyle/>
        <a:p>
          <a:endParaRPr lang="en-US"/>
        </a:p>
      </dgm:t>
    </dgm:pt>
    <dgm:pt modelId="{6B2D4DCD-019C-4C63-8FE4-F76DEA9B8F59}" type="sibTrans" cxnId="{4F3F4D68-501B-49A9-8385-72C9338007BF}">
      <dgm:prSet/>
      <dgm:spPr/>
      <dgm:t>
        <a:bodyPr/>
        <a:lstStyle/>
        <a:p>
          <a:endParaRPr lang="en-US"/>
        </a:p>
      </dgm:t>
    </dgm:pt>
    <dgm:pt modelId="{AA367108-7549-47DE-B3FA-4E7DC8B45C17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P2P Fund transfer (Master Card</a:t>
          </a:r>
          <a:r>
            <a:rPr lang="en-US" sz="1600" b="1" i="1" baseline="0" dirty="0" smtClean="0">
              <a:solidFill>
                <a:srgbClr val="FF0000"/>
              </a:solidFill>
            </a:rPr>
            <a:t> QR Pass</a:t>
          </a:r>
          <a:r>
            <a:rPr lang="en-US" sz="1600" b="1" i="1" dirty="0" smtClean="0">
              <a:solidFill>
                <a:srgbClr val="FF0000"/>
              </a:solidFill>
            </a:rPr>
            <a:t>, e-wallet</a:t>
          </a:r>
          <a:r>
            <a:rPr lang="en-US" sz="1600" b="1" i="1" baseline="0" dirty="0" smtClean="0">
              <a:solidFill>
                <a:srgbClr val="FF0000"/>
              </a:solidFill>
            </a:rPr>
            <a:t> integration)</a:t>
          </a:r>
          <a:r>
            <a:rPr lang="en-US" sz="1600" b="1" i="1" dirty="0" smtClean="0">
              <a:solidFill>
                <a:srgbClr val="FF0000"/>
              </a:solidFill>
            </a:rPr>
            <a:t>  </a:t>
          </a:r>
          <a:endParaRPr lang="en-US" sz="1600" b="1" i="1" dirty="0">
            <a:solidFill>
              <a:srgbClr val="FF0000"/>
            </a:solidFill>
          </a:endParaRPr>
        </a:p>
      </dgm:t>
    </dgm:pt>
    <dgm:pt modelId="{53283012-3478-423A-960C-6A044FFE638F}" type="parTrans" cxnId="{EDCCBCF2-C5B0-41FF-82DC-4D2DB052B339}">
      <dgm:prSet/>
      <dgm:spPr/>
      <dgm:t>
        <a:bodyPr/>
        <a:lstStyle/>
        <a:p>
          <a:endParaRPr lang="en-US"/>
        </a:p>
      </dgm:t>
    </dgm:pt>
    <dgm:pt modelId="{D7AD4E54-E926-4D9E-A3D8-4CCA5F263C2B}" type="sibTrans" cxnId="{EDCCBCF2-C5B0-41FF-82DC-4D2DB052B339}">
      <dgm:prSet/>
      <dgm:spPr/>
      <dgm:t>
        <a:bodyPr/>
        <a:lstStyle/>
        <a:p>
          <a:endParaRPr lang="en-US"/>
        </a:p>
      </dgm:t>
    </dgm:pt>
    <dgm:pt modelId="{536012C5-2581-4984-A1FD-0166D63F06BB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Financial</a:t>
          </a:r>
          <a:r>
            <a:rPr lang="en-US" sz="1600" b="1" i="1" baseline="0" dirty="0" smtClean="0">
              <a:solidFill>
                <a:srgbClr val="FF0000"/>
              </a:solidFill>
            </a:rPr>
            <a:t> management (tips, management tools)</a:t>
          </a:r>
          <a:endParaRPr lang="en-US" sz="1600" b="1" i="1" dirty="0">
            <a:solidFill>
              <a:srgbClr val="FF0000"/>
            </a:solidFill>
          </a:endParaRPr>
        </a:p>
      </dgm:t>
    </dgm:pt>
    <dgm:pt modelId="{C53BF6D6-1982-4310-BF9E-CFA5515FD0A7}" type="parTrans" cxnId="{B750777D-D6AB-4F13-AC50-DEE9CA5577D3}">
      <dgm:prSet/>
      <dgm:spPr/>
      <dgm:t>
        <a:bodyPr/>
        <a:lstStyle/>
        <a:p>
          <a:endParaRPr lang="en-US"/>
        </a:p>
      </dgm:t>
    </dgm:pt>
    <dgm:pt modelId="{42113833-3072-4C0D-BA59-345074E45036}" type="sibTrans" cxnId="{B750777D-D6AB-4F13-AC50-DEE9CA5577D3}">
      <dgm:prSet/>
      <dgm:spPr/>
      <dgm:t>
        <a:bodyPr/>
        <a:lstStyle/>
        <a:p>
          <a:endParaRPr lang="en-US"/>
        </a:p>
      </dgm:t>
    </dgm:pt>
    <dgm:pt modelId="{EC976A1F-9C10-4717-9AD8-C215F1740DDE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Display special</a:t>
          </a:r>
          <a:r>
            <a:rPr lang="en-US" sz="1600" b="1" i="1" baseline="0" dirty="0" smtClean="0">
              <a:solidFill>
                <a:srgbClr val="FF0000"/>
              </a:solidFill>
            </a:rPr>
            <a:t> product on app</a:t>
          </a:r>
          <a:endParaRPr lang="en-US" sz="1600" b="1" i="1" dirty="0">
            <a:solidFill>
              <a:srgbClr val="FF0000"/>
            </a:solidFill>
          </a:endParaRPr>
        </a:p>
      </dgm:t>
    </dgm:pt>
    <dgm:pt modelId="{82B73C97-41AC-4D6A-8B38-20D2785EE4F3}" type="parTrans" cxnId="{DF8D77D9-D1CD-4E98-9B69-31F9E67EF1E4}">
      <dgm:prSet/>
      <dgm:spPr/>
      <dgm:t>
        <a:bodyPr/>
        <a:lstStyle/>
        <a:p>
          <a:endParaRPr lang="en-US"/>
        </a:p>
      </dgm:t>
    </dgm:pt>
    <dgm:pt modelId="{CCCA2C32-87ED-4B27-AC66-D276AB27C8E8}" type="sibTrans" cxnId="{DF8D77D9-D1CD-4E98-9B69-31F9E67EF1E4}">
      <dgm:prSet/>
      <dgm:spPr/>
      <dgm:t>
        <a:bodyPr/>
        <a:lstStyle/>
        <a:p>
          <a:endParaRPr lang="en-US"/>
        </a:p>
      </dgm:t>
    </dgm:pt>
    <dgm:pt modelId="{0A20BB00-B30D-49C5-B3B6-3C26F47268CA}">
      <dgm:prSet phldrT="[Text]" custT="1"/>
      <dgm:spPr/>
      <dgm:t>
        <a:bodyPr/>
        <a:lstStyle/>
        <a:p>
          <a:r>
            <a:rPr lang="en-US" sz="1600" dirty="0" smtClean="0"/>
            <a:t>Paid</a:t>
          </a:r>
          <a:r>
            <a:rPr lang="en-US" sz="1600" baseline="0" dirty="0" smtClean="0"/>
            <a:t> for instalment by credit cards</a:t>
          </a:r>
          <a:endParaRPr lang="en-US" sz="1600" dirty="0"/>
        </a:p>
      </dgm:t>
    </dgm:pt>
    <dgm:pt modelId="{89BFF413-80C6-4810-B0FE-198CAA0D0E07}" type="parTrans" cxnId="{C46B2831-B5E2-4485-9493-1F95D28D5296}">
      <dgm:prSet/>
      <dgm:spPr/>
      <dgm:t>
        <a:bodyPr/>
        <a:lstStyle/>
        <a:p>
          <a:endParaRPr lang="en-US"/>
        </a:p>
      </dgm:t>
    </dgm:pt>
    <dgm:pt modelId="{4D8922BF-0C0B-4550-B5DE-D665E8743014}" type="sibTrans" cxnId="{C46B2831-B5E2-4485-9493-1F95D28D5296}">
      <dgm:prSet/>
      <dgm:spPr/>
      <dgm:t>
        <a:bodyPr/>
        <a:lstStyle/>
        <a:p>
          <a:endParaRPr lang="en-US"/>
        </a:p>
      </dgm:t>
    </dgm:pt>
    <dgm:pt modelId="{8EEF22E7-6836-47C5-8E89-767D2B32C4DA}">
      <dgm:prSet phldrT="[Text]" custT="1"/>
      <dgm:spPr/>
      <dgm:t>
        <a:bodyPr/>
        <a:lstStyle/>
        <a:p>
          <a:r>
            <a:rPr lang="en-US" sz="1600" dirty="0" smtClean="0"/>
            <a:t>Bill Payment (electricity</a:t>
          </a:r>
          <a:r>
            <a:rPr lang="en-US" sz="1600" baseline="0" dirty="0" smtClean="0"/>
            <a:t>, </a:t>
          </a:r>
          <a:r>
            <a:rPr lang="en-US" sz="1600" dirty="0" smtClean="0"/>
            <a:t>water,</a:t>
          </a:r>
          <a:r>
            <a:rPr lang="en-US" sz="1600" baseline="0" dirty="0" smtClean="0"/>
            <a:t> </a:t>
          </a:r>
          <a:r>
            <a:rPr lang="en-US" sz="1600" baseline="0" dirty="0" err="1" smtClean="0"/>
            <a:t>telco</a:t>
          </a:r>
          <a:r>
            <a:rPr lang="en-US" sz="1600" baseline="0" dirty="0" smtClean="0"/>
            <a:t>, mobile</a:t>
          </a:r>
          <a:r>
            <a:rPr lang="is-IS" sz="1600" baseline="0" dirty="0" smtClean="0"/>
            <a:t>…)</a:t>
          </a:r>
          <a:endParaRPr lang="en-US" sz="1600" dirty="0"/>
        </a:p>
      </dgm:t>
    </dgm:pt>
    <dgm:pt modelId="{9C32C676-F26C-482A-80AC-4C5AC5444DE7}" type="parTrans" cxnId="{EB997715-0116-4578-99D6-63626454E023}">
      <dgm:prSet/>
      <dgm:spPr/>
      <dgm:t>
        <a:bodyPr/>
        <a:lstStyle/>
        <a:p>
          <a:endParaRPr lang="en-US"/>
        </a:p>
      </dgm:t>
    </dgm:pt>
    <dgm:pt modelId="{C7005971-F9C9-4CC8-80B3-45DA72FE13CF}" type="sibTrans" cxnId="{EB997715-0116-4578-99D6-63626454E023}">
      <dgm:prSet/>
      <dgm:spPr/>
      <dgm:t>
        <a:bodyPr/>
        <a:lstStyle/>
        <a:p>
          <a:endParaRPr lang="en-US"/>
        </a:p>
      </dgm:t>
    </dgm:pt>
    <dgm:pt modelId="{43BE8E01-C511-42E5-8477-E8FB692477A5}">
      <dgm:prSet phldrT="[Text]" custT="1"/>
      <dgm:spPr/>
      <dgm:t>
        <a:bodyPr/>
        <a:lstStyle/>
        <a:p>
          <a:r>
            <a:rPr lang="en-US" sz="1600" b="1" i="1" dirty="0" smtClean="0">
              <a:solidFill>
                <a:srgbClr val="FF0000"/>
              </a:solidFill>
            </a:rPr>
            <a:t>Partnership integration</a:t>
          </a:r>
          <a:r>
            <a:rPr lang="en-US" sz="1600" b="1" i="1" baseline="0" dirty="0" smtClean="0">
              <a:solidFill>
                <a:srgbClr val="FF0000"/>
              </a:solidFill>
            </a:rPr>
            <a:t> (</a:t>
          </a:r>
          <a:r>
            <a:rPr lang="en-US" sz="1600" b="1" i="1" baseline="0" dirty="0" err="1" smtClean="0">
              <a:solidFill>
                <a:srgbClr val="FF0000"/>
              </a:solidFill>
            </a:rPr>
            <a:t>Sacombank</a:t>
          </a:r>
          <a:r>
            <a:rPr lang="en-US" sz="1600" b="1" i="1" baseline="0" dirty="0" smtClean="0">
              <a:solidFill>
                <a:srgbClr val="FF0000"/>
              </a:solidFill>
            </a:rPr>
            <a:t>, </a:t>
          </a:r>
          <a:r>
            <a:rPr lang="en-US" sz="1600" b="1" i="1" baseline="0" dirty="0" err="1" smtClean="0">
              <a:solidFill>
                <a:srgbClr val="FF0000"/>
              </a:solidFill>
            </a:rPr>
            <a:t>Payoo</a:t>
          </a:r>
          <a:r>
            <a:rPr lang="en-US" sz="1600" b="1" i="1" baseline="0" dirty="0" smtClean="0">
              <a:solidFill>
                <a:srgbClr val="FF0000"/>
              </a:solidFill>
            </a:rPr>
            <a:t>, NAPAS, </a:t>
          </a:r>
          <a:r>
            <a:rPr lang="en-US" sz="1600" b="1" i="1" baseline="0" dirty="0" err="1" smtClean="0">
              <a:solidFill>
                <a:srgbClr val="FF0000"/>
              </a:solidFill>
            </a:rPr>
            <a:t>Moven</a:t>
          </a:r>
          <a:r>
            <a:rPr lang="is-IS" sz="1600" b="1" i="1" baseline="0" dirty="0" smtClean="0">
              <a:solidFill>
                <a:srgbClr val="FF0000"/>
              </a:solidFill>
            </a:rPr>
            <a:t>…)</a:t>
          </a:r>
          <a:endParaRPr lang="en-US" sz="1600" b="1" i="1" dirty="0">
            <a:solidFill>
              <a:srgbClr val="FF0000"/>
            </a:solidFill>
          </a:endParaRPr>
        </a:p>
      </dgm:t>
    </dgm:pt>
    <dgm:pt modelId="{14BC7F22-2B86-4986-96DC-BCB62467B1E8}" type="parTrans" cxnId="{89E9C5CC-3F54-47DE-9B28-DDF022FF6033}">
      <dgm:prSet/>
      <dgm:spPr/>
      <dgm:t>
        <a:bodyPr/>
        <a:lstStyle/>
        <a:p>
          <a:endParaRPr lang="en-US"/>
        </a:p>
      </dgm:t>
    </dgm:pt>
    <dgm:pt modelId="{5D90010B-A5D3-4361-8404-4CEC1AC21661}" type="sibTrans" cxnId="{89E9C5CC-3F54-47DE-9B28-DDF022FF6033}">
      <dgm:prSet/>
      <dgm:spPr/>
      <dgm:t>
        <a:bodyPr/>
        <a:lstStyle/>
        <a:p>
          <a:endParaRPr lang="en-US"/>
        </a:p>
      </dgm:t>
    </dgm:pt>
    <dgm:pt modelId="{A3940087-DC6D-42B4-A7EA-86DA1468C8CA}">
      <dgm:prSet phldrT="[Text]" custT="1"/>
      <dgm:spPr/>
      <dgm:t>
        <a:bodyPr/>
        <a:lstStyle/>
        <a:p>
          <a:r>
            <a:rPr lang="en-US" sz="1600" dirty="0" smtClean="0"/>
            <a:t>Paid</a:t>
          </a:r>
          <a:r>
            <a:rPr lang="en-US" sz="1600" baseline="0" dirty="0" smtClean="0"/>
            <a:t> for instalment by credit cards</a:t>
          </a:r>
          <a:endParaRPr lang="en-US" sz="1600" dirty="0"/>
        </a:p>
      </dgm:t>
    </dgm:pt>
    <dgm:pt modelId="{7D056F1D-5162-4F4C-879D-971A58C8499B}" type="sibTrans" cxnId="{13B804C8-999F-44C2-8B57-2A1D9FC52453}">
      <dgm:prSet/>
      <dgm:spPr/>
      <dgm:t>
        <a:bodyPr/>
        <a:lstStyle/>
        <a:p>
          <a:endParaRPr lang="en-US"/>
        </a:p>
      </dgm:t>
    </dgm:pt>
    <dgm:pt modelId="{8B7CD2F0-B246-4066-BC8D-14A0E4FFC8D8}" type="parTrans" cxnId="{13B804C8-999F-44C2-8B57-2A1D9FC52453}">
      <dgm:prSet/>
      <dgm:spPr/>
      <dgm:t>
        <a:bodyPr/>
        <a:lstStyle/>
        <a:p>
          <a:endParaRPr lang="en-US"/>
        </a:p>
      </dgm:t>
    </dgm:pt>
    <dgm:pt modelId="{1741EA69-DE31-3544-AF12-F29F5D200EBA}">
      <dgm:prSet custT="1"/>
      <dgm:spPr/>
      <dgm:t>
        <a:bodyPr/>
        <a:lstStyle/>
        <a:p>
          <a:r>
            <a:rPr lang="en-US" sz="1600" dirty="0" smtClean="0"/>
            <a:t>Bill Payment (electricity</a:t>
          </a:r>
          <a:r>
            <a:rPr lang="en-US" sz="1600" baseline="0" dirty="0" smtClean="0"/>
            <a:t>, </a:t>
          </a:r>
          <a:r>
            <a:rPr lang="en-US" sz="1600" dirty="0" smtClean="0"/>
            <a:t>water,</a:t>
          </a:r>
          <a:r>
            <a:rPr lang="en-US" sz="1600" baseline="0" dirty="0" smtClean="0"/>
            <a:t> </a:t>
          </a:r>
          <a:r>
            <a:rPr lang="en-US" sz="1600" baseline="0" dirty="0" err="1" smtClean="0"/>
            <a:t>telco</a:t>
          </a:r>
          <a:r>
            <a:rPr lang="en-US" sz="1600" baseline="0" dirty="0" smtClean="0"/>
            <a:t>, mobile</a:t>
          </a:r>
          <a:r>
            <a:rPr lang="is-IS" sz="1600" baseline="0" dirty="0" smtClean="0"/>
            <a:t>…)</a:t>
          </a:r>
          <a:endParaRPr lang="en-US" sz="1600" dirty="0"/>
        </a:p>
      </dgm:t>
    </dgm:pt>
    <dgm:pt modelId="{9F51B95A-0E89-F842-A5C8-43E40E345B3E}" type="parTrans" cxnId="{F394106D-E38C-AD44-9722-B1635E1A2474}">
      <dgm:prSet/>
      <dgm:spPr/>
      <dgm:t>
        <a:bodyPr/>
        <a:lstStyle/>
        <a:p>
          <a:endParaRPr lang="en-US"/>
        </a:p>
      </dgm:t>
    </dgm:pt>
    <dgm:pt modelId="{2D9A68D4-789C-3F4B-BCAD-82F21B7519D2}" type="sibTrans" cxnId="{F394106D-E38C-AD44-9722-B1635E1A2474}">
      <dgm:prSet/>
      <dgm:spPr/>
      <dgm:t>
        <a:bodyPr/>
        <a:lstStyle/>
        <a:p>
          <a:endParaRPr lang="en-US"/>
        </a:p>
      </dgm:t>
    </dgm:pt>
    <dgm:pt modelId="{CC2F7401-964E-A64D-BE4E-DE7AA7090998}">
      <dgm:prSet custT="1"/>
      <dgm:spPr/>
      <dgm:t>
        <a:bodyPr/>
        <a:lstStyle/>
        <a:p>
          <a:r>
            <a:rPr lang="en-US" sz="1600" dirty="0" smtClean="0"/>
            <a:t>Application (loan/credit card) status checking </a:t>
          </a:r>
          <a:endParaRPr lang="en-US" sz="1600" dirty="0"/>
        </a:p>
      </dgm:t>
    </dgm:pt>
    <dgm:pt modelId="{59729C16-6CD3-A84C-8916-D8F87CE7FA22}" type="parTrans" cxnId="{523CD416-F06D-A841-B1F4-4BFE0A94D485}">
      <dgm:prSet/>
      <dgm:spPr/>
      <dgm:t>
        <a:bodyPr/>
        <a:lstStyle/>
        <a:p>
          <a:endParaRPr lang="en-US"/>
        </a:p>
      </dgm:t>
    </dgm:pt>
    <dgm:pt modelId="{3D378488-95DE-8248-9A4C-A53FD9F4C933}" type="sibTrans" cxnId="{523CD416-F06D-A841-B1F4-4BFE0A94D485}">
      <dgm:prSet/>
      <dgm:spPr/>
      <dgm:t>
        <a:bodyPr/>
        <a:lstStyle/>
        <a:p>
          <a:endParaRPr lang="en-US"/>
        </a:p>
      </dgm:t>
    </dgm:pt>
    <dgm:pt modelId="{A168C08D-F4AA-0F41-AACF-80D2496C4F8E}">
      <dgm:prSet custT="1"/>
      <dgm:spPr/>
      <dgm:t>
        <a:bodyPr/>
        <a:lstStyle/>
        <a:p>
          <a:r>
            <a:rPr lang="en-US" sz="1600" dirty="0" smtClean="0"/>
            <a:t>Application (loan/credit card) status checking </a:t>
          </a:r>
          <a:endParaRPr lang="en-US" sz="1600" dirty="0"/>
        </a:p>
      </dgm:t>
    </dgm:pt>
    <dgm:pt modelId="{FD4A8D6E-A3BA-AC46-AD28-D3265F11A6A5}" type="parTrans" cxnId="{A3513692-2978-B547-BAE4-AAA50707C09C}">
      <dgm:prSet/>
      <dgm:spPr/>
      <dgm:t>
        <a:bodyPr/>
        <a:lstStyle/>
        <a:p>
          <a:endParaRPr lang="en-US"/>
        </a:p>
      </dgm:t>
    </dgm:pt>
    <dgm:pt modelId="{EF5A0502-E3EF-774E-9839-356F80B65C3B}" type="sibTrans" cxnId="{A3513692-2978-B547-BAE4-AAA50707C09C}">
      <dgm:prSet/>
      <dgm:spPr/>
      <dgm:t>
        <a:bodyPr/>
        <a:lstStyle/>
        <a:p>
          <a:endParaRPr lang="en-US"/>
        </a:p>
      </dgm:t>
    </dgm:pt>
    <dgm:pt modelId="{62F4B66D-20A9-4080-841B-411CEE9EC58F}" type="pres">
      <dgm:prSet presAssocID="{27FC3439-BDC0-4FB7-8FF0-9A6E87801763}" presName="layout" presStyleCnt="0">
        <dgm:presLayoutVars>
          <dgm:chMax/>
          <dgm:chPref/>
          <dgm:dir/>
          <dgm:resizeHandles/>
        </dgm:presLayoutVars>
      </dgm:prSet>
      <dgm:spPr/>
      <dgm:t>
        <a:bodyPr/>
        <a:lstStyle/>
        <a:p>
          <a:endParaRPr lang="en-US"/>
        </a:p>
      </dgm:t>
    </dgm:pt>
    <dgm:pt modelId="{9EE34F92-5CB3-4E50-BA73-BB7E079451E5}" type="pres">
      <dgm:prSet presAssocID="{67F210C3-68B6-475F-A063-CFC725683D15}" presName="root" presStyleCnt="0">
        <dgm:presLayoutVars>
          <dgm:chMax/>
          <dgm:chPref/>
        </dgm:presLayoutVars>
      </dgm:prSet>
      <dgm:spPr/>
    </dgm:pt>
    <dgm:pt modelId="{E53F0FD0-6EC2-4D53-9CD6-9FA60CDC78C3}" type="pres">
      <dgm:prSet presAssocID="{67F210C3-68B6-475F-A063-CFC725683D15}" presName="rootComposite" presStyleCnt="0">
        <dgm:presLayoutVars/>
      </dgm:prSet>
      <dgm:spPr/>
    </dgm:pt>
    <dgm:pt modelId="{EE6580FA-20FF-42F5-B9D0-3AE6E9B17D66}" type="pres">
      <dgm:prSet presAssocID="{67F210C3-68B6-475F-A063-CFC725683D15}" presName="ParentAccent" presStyleLbl="alignNode1" presStyleIdx="0" presStyleCnt="2"/>
      <dgm:spPr/>
    </dgm:pt>
    <dgm:pt modelId="{A5F2FFED-3260-4922-9C3F-5AC0708702F7}" type="pres">
      <dgm:prSet presAssocID="{67F210C3-68B6-475F-A063-CFC725683D15}" presName="ParentSmallAccent" presStyleLbl="fgAcc1" presStyleIdx="0" presStyleCnt="2"/>
      <dgm:spPr/>
    </dgm:pt>
    <dgm:pt modelId="{6BF80A62-4F37-4DBC-9E07-D6871D5F9CB6}" type="pres">
      <dgm:prSet presAssocID="{67F210C3-68B6-475F-A063-CFC725683D15}" presName="Parent" presStyleLbl="revTx" presStyleIdx="0" presStyleCnt="16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D5705B2-DFBF-4065-973F-0589F67E28D7}" type="pres">
      <dgm:prSet presAssocID="{67F210C3-68B6-475F-A063-CFC725683D15}" presName="childShape" presStyleCnt="0">
        <dgm:presLayoutVars>
          <dgm:chMax val="0"/>
          <dgm:chPref val="0"/>
        </dgm:presLayoutVars>
      </dgm:prSet>
      <dgm:spPr/>
    </dgm:pt>
    <dgm:pt modelId="{794CDAF8-A0F7-4248-9520-8B7491898187}" type="pres">
      <dgm:prSet presAssocID="{5AAF8915-419C-4671-B12A-951893BE3DB3}" presName="childComposite" presStyleCnt="0">
        <dgm:presLayoutVars>
          <dgm:chMax val="0"/>
          <dgm:chPref val="0"/>
        </dgm:presLayoutVars>
      </dgm:prSet>
      <dgm:spPr/>
    </dgm:pt>
    <dgm:pt modelId="{5323F515-0F13-408C-8D24-E304651EEA30}" type="pres">
      <dgm:prSet presAssocID="{5AAF8915-419C-4671-B12A-951893BE3DB3}" presName="ChildAccent" presStyleLbl="solidFgAcc1" presStyleIdx="0" presStyleCnt="14"/>
      <dgm:spPr/>
      <dgm:t>
        <a:bodyPr/>
        <a:lstStyle/>
        <a:p>
          <a:endParaRPr lang="en-US"/>
        </a:p>
      </dgm:t>
    </dgm:pt>
    <dgm:pt modelId="{B86283F9-6EE5-4A9D-8160-57AFD4997E01}" type="pres">
      <dgm:prSet presAssocID="{5AAF8915-419C-4671-B12A-951893BE3DB3}" presName="Child" presStyleLbl="revTx" presStyleIdx="1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3FB5CA3-D33E-4E1E-B69E-1002343D5C56}" type="pres">
      <dgm:prSet presAssocID="{EC976A1F-9C10-4717-9AD8-C215F1740DDE}" presName="childComposite" presStyleCnt="0">
        <dgm:presLayoutVars>
          <dgm:chMax val="0"/>
          <dgm:chPref val="0"/>
        </dgm:presLayoutVars>
      </dgm:prSet>
      <dgm:spPr/>
    </dgm:pt>
    <dgm:pt modelId="{5416766C-CA9C-4E93-835F-863AC36BFFBE}" type="pres">
      <dgm:prSet presAssocID="{EC976A1F-9C10-4717-9AD8-C215F1740DDE}" presName="ChildAccent" presStyleLbl="solidFgAcc1" presStyleIdx="1" presStyleCnt="14"/>
      <dgm:spPr/>
    </dgm:pt>
    <dgm:pt modelId="{CA1A8B2A-3A7F-498B-B80B-98ADEE5D2E96}" type="pres">
      <dgm:prSet presAssocID="{EC976A1F-9C10-4717-9AD8-C215F1740DDE}" presName="Child" presStyleLbl="revTx" presStyleIdx="2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6814A90-BD88-4A9F-9D34-4B10BE41327D}" type="pres">
      <dgm:prSet presAssocID="{E5766713-922C-4528-9A8D-E12443E141EC}" presName="childComposite" presStyleCnt="0">
        <dgm:presLayoutVars>
          <dgm:chMax val="0"/>
          <dgm:chPref val="0"/>
        </dgm:presLayoutVars>
      </dgm:prSet>
      <dgm:spPr/>
    </dgm:pt>
    <dgm:pt modelId="{203A641A-B68D-4460-9168-C6BBC90B672D}" type="pres">
      <dgm:prSet presAssocID="{E5766713-922C-4528-9A8D-E12443E141EC}" presName="ChildAccent" presStyleLbl="solidFgAcc1" presStyleIdx="2" presStyleCnt="14"/>
      <dgm:spPr/>
    </dgm:pt>
    <dgm:pt modelId="{1B097A9D-0402-4634-B80C-0DE1A4BFB986}" type="pres">
      <dgm:prSet presAssocID="{E5766713-922C-4528-9A8D-E12443E141EC}" presName="Child" presStyleLbl="revTx" presStyleIdx="3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E17DC9-FA38-4A8F-BCE9-6B3066C52A1B}" type="pres">
      <dgm:prSet presAssocID="{9BCC8D93-A629-40AD-A434-DF2395FE45C7}" presName="childComposite" presStyleCnt="0">
        <dgm:presLayoutVars>
          <dgm:chMax val="0"/>
          <dgm:chPref val="0"/>
        </dgm:presLayoutVars>
      </dgm:prSet>
      <dgm:spPr/>
    </dgm:pt>
    <dgm:pt modelId="{2A546279-477B-4B4E-9FE3-30D7471A2E33}" type="pres">
      <dgm:prSet presAssocID="{9BCC8D93-A629-40AD-A434-DF2395FE45C7}" presName="ChildAccent" presStyleLbl="solidFgAcc1" presStyleIdx="3" presStyleCnt="14"/>
      <dgm:spPr/>
    </dgm:pt>
    <dgm:pt modelId="{70C2B3DD-E5DE-4D93-B211-2C42612CAFE9}" type="pres">
      <dgm:prSet presAssocID="{9BCC8D93-A629-40AD-A434-DF2395FE45C7}" presName="Child" presStyleLbl="revTx" presStyleIdx="4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08E680C-A417-4103-826A-3FEC7D023D38}" type="pres">
      <dgm:prSet presAssocID="{0A20BB00-B30D-49C5-B3B6-3C26F47268CA}" presName="childComposite" presStyleCnt="0">
        <dgm:presLayoutVars>
          <dgm:chMax val="0"/>
          <dgm:chPref val="0"/>
        </dgm:presLayoutVars>
      </dgm:prSet>
      <dgm:spPr/>
    </dgm:pt>
    <dgm:pt modelId="{3ACE7179-5A07-456D-A549-DB1E848E1314}" type="pres">
      <dgm:prSet presAssocID="{0A20BB00-B30D-49C5-B3B6-3C26F47268CA}" presName="ChildAccent" presStyleLbl="solidFgAcc1" presStyleIdx="4" presStyleCnt="14"/>
      <dgm:spPr/>
    </dgm:pt>
    <dgm:pt modelId="{690E3E3D-22BC-42FD-B278-F48B2812EC65}" type="pres">
      <dgm:prSet presAssocID="{0A20BB00-B30D-49C5-B3B6-3C26F47268CA}" presName="Child" presStyleLbl="revTx" presStyleIdx="5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4A56E51-1E14-4F0A-9A94-B5093205335A}" type="pres">
      <dgm:prSet presAssocID="{8EEF22E7-6836-47C5-8E89-767D2B32C4DA}" presName="childComposite" presStyleCnt="0">
        <dgm:presLayoutVars>
          <dgm:chMax val="0"/>
          <dgm:chPref val="0"/>
        </dgm:presLayoutVars>
      </dgm:prSet>
      <dgm:spPr/>
    </dgm:pt>
    <dgm:pt modelId="{8F8AE62F-8709-499B-992C-58CE2ABDD147}" type="pres">
      <dgm:prSet presAssocID="{8EEF22E7-6836-47C5-8E89-767D2B32C4DA}" presName="ChildAccent" presStyleLbl="solidFgAcc1" presStyleIdx="5" presStyleCnt="14"/>
      <dgm:spPr/>
    </dgm:pt>
    <dgm:pt modelId="{6F23BEC7-6FE8-4C88-8AF6-8BE9A1D76F50}" type="pres">
      <dgm:prSet presAssocID="{8EEF22E7-6836-47C5-8E89-767D2B32C4DA}" presName="Child" presStyleLbl="revTx" presStyleIdx="6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1C0D90-7DA2-E34A-96FD-0B902EEE2CED}" type="pres">
      <dgm:prSet presAssocID="{CC2F7401-964E-A64D-BE4E-DE7AA7090998}" presName="childComposite" presStyleCnt="0">
        <dgm:presLayoutVars>
          <dgm:chMax val="0"/>
          <dgm:chPref val="0"/>
        </dgm:presLayoutVars>
      </dgm:prSet>
      <dgm:spPr/>
    </dgm:pt>
    <dgm:pt modelId="{69713D56-7F76-5F4A-BB83-E7611B4A2B71}" type="pres">
      <dgm:prSet presAssocID="{CC2F7401-964E-A64D-BE4E-DE7AA7090998}" presName="ChildAccent" presStyleLbl="solidFgAcc1" presStyleIdx="6" presStyleCnt="14"/>
      <dgm:spPr/>
    </dgm:pt>
    <dgm:pt modelId="{DA86392D-E38B-184B-A218-B9AFB46299CB}" type="pres">
      <dgm:prSet presAssocID="{CC2F7401-964E-A64D-BE4E-DE7AA7090998}" presName="Child" presStyleLbl="revTx" presStyleIdx="7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18B630C-AF3F-4137-B5F9-2D6A523C24E2}" type="pres">
      <dgm:prSet presAssocID="{162B5AD4-B964-4997-8B07-D666833B042B}" presName="root" presStyleCnt="0">
        <dgm:presLayoutVars>
          <dgm:chMax/>
          <dgm:chPref/>
        </dgm:presLayoutVars>
      </dgm:prSet>
      <dgm:spPr/>
    </dgm:pt>
    <dgm:pt modelId="{A710307B-0FA9-4ED0-BC45-AA393F28E948}" type="pres">
      <dgm:prSet presAssocID="{162B5AD4-B964-4997-8B07-D666833B042B}" presName="rootComposite" presStyleCnt="0">
        <dgm:presLayoutVars/>
      </dgm:prSet>
      <dgm:spPr/>
    </dgm:pt>
    <dgm:pt modelId="{31930DDC-9379-4CFE-84B6-403D8DA4EE3C}" type="pres">
      <dgm:prSet presAssocID="{162B5AD4-B964-4997-8B07-D666833B042B}" presName="ParentAccent" presStyleLbl="alignNode1" presStyleIdx="1" presStyleCnt="2"/>
      <dgm:spPr/>
    </dgm:pt>
    <dgm:pt modelId="{8C997A84-7BBB-454D-827E-C58C73AFA1EA}" type="pres">
      <dgm:prSet presAssocID="{162B5AD4-B964-4997-8B07-D666833B042B}" presName="ParentSmallAccent" presStyleLbl="fgAcc1" presStyleIdx="1" presStyleCnt="2"/>
      <dgm:spPr/>
    </dgm:pt>
    <dgm:pt modelId="{E77709CD-B11B-47C6-9DE2-45C96B654159}" type="pres">
      <dgm:prSet presAssocID="{162B5AD4-B964-4997-8B07-D666833B042B}" presName="Parent" presStyleLbl="revTx" presStyleIdx="8" presStyleCnt="16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ED0B1AA-E619-4CDD-AA69-480A9A549567}" type="pres">
      <dgm:prSet presAssocID="{162B5AD4-B964-4997-8B07-D666833B042B}" presName="childShape" presStyleCnt="0">
        <dgm:presLayoutVars>
          <dgm:chMax val="0"/>
          <dgm:chPref val="0"/>
        </dgm:presLayoutVars>
      </dgm:prSet>
      <dgm:spPr/>
    </dgm:pt>
    <dgm:pt modelId="{DDBA050E-9D4D-4FF1-8367-60CD948B355F}" type="pres">
      <dgm:prSet presAssocID="{FC8E94FC-B04C-40C2-90B3-79311DD0DE9F}" presName="childComposite" presStyleCnt="0">
        <dgm:presLayoutVars>
          <dgm:chMax val="0"/>
          <dgm:chPref val="0"/>
        </dgm:presLayoutVars>
      </dgm:prSet>
      <dgm:spPr/>
    </dgm:pt>
    <dgm:pt modelId="{13825A37-883B-4F23-AFC9-DC86ADDFFB1F}" type="pres">
      <dgm:prSet presAssocID="{FC8E94FC-B04C-40C2-90B3-79311DD0DE9F}" presName="ChildAccent" presStyleLbl="solidFgAcc1" presStyleIdx="7" presStyleCnt="14"/>
      <dgm:spPr/>
    </dgm:pt>
    <dgm:pt modelId="{F837B0F1-0758-4AA6-AAB1-2F6A0E98E331}" type="pres">
      <dgm:prSet presAssocID="{FC8E94FC-B04C-40C2-90B3-79311DD0DE9F}" presName="Child" presStyleLbl="revTx" presStyleIdx="9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670F82E-C1BC-4B94-A306-30D7928CD873}" type="pres">
      <dgm:prSet presAssocID="{AA367108-7549-47DE-B3FA-4E7DC8B45C17}" presName="childComposite" presStyleCnt="0">
        <dgm:presLayoutVars>
          <dgm:chMax val="0"/>
          <dgm:chPref val="0"/>
        </dgm:presLayoutVars>
      </dgm:prSet>
      <dgm:spPr/>
    </dgm:pt>
    <dgm:pt modelId="{EB3E1D36-94DB-4EAA-95DB-5F306D207456}" type="pres">
      <dgm:prSet presAssocID="{AA367108-7549-47DE-B3FA-4E7DC8B45C17}" presName="ChildAccent" presStyleLbl="solidFgAcc1" presStyleIdx="8" presStyleCnt="14"/>
      <dgm:spPr/>
    </dgm:pt>
    <dgm:pt modelId="{C721A439-08AB-4380-BB73-13D20BF66B02}" type="pres">
      <dgm:prSet presAssocID="{AA367108-7549-47DE-B3FA-4E7DC8B45C17}" presName="Child" presStyleLbl="revTx" presStyleIdx="10" presStyleCnt="16" custLinFactNeighborX="288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C60BB1A-711B-4553-A8A2-48267495A587}" type="pres">
      <dgm:prSet presAssocID="{536012C5-2581-4984-A1FD-0166D63F06BB}" presName="childComposite" presStyleCnt="0">
        <dgm:presLayoutVars>
          <dgm:chMax val="0"/>
          <dgm:chPref val="0"/>
        </dgm:presLayoutVars>
      </dgm:prSet>
      <dgm:spPr/>
    </dgm:pt>
    <dgm:pt modelId="{4DD3D534-E31F-47A7-981E-5B2813A2D315}" type="pres">
      <dgm:prSet presAssocID="{536012C5-2581-4984-A1FD-0166D63F06BB}" presName="ChildAccent" presStyleLbl="solidFgAcc1" presStyleIdx="9" presStyleCnt="14"/>
      <dgm:spPr/>
    </dgm:pt>
    <dgm:pt modelId="{2EF226DC-AB5D-4A8C-91E7-F0F68626BF8E}" type="pres">
      <dgm:prSet presAssocID="{536012C5-2581-4984-A1FD-0166D63F06BB}" presName="Child" presStyleLbl="revTx" presStyleIdx="11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CF8C124-7ADC-411D-B13E-2096E5570593}" type="pres">
      <dgm:prSet presAssocID="{43BE8E01-C511-42E5-8477-E8FB692477A5}" presName="childComposite" presStyleCnt="0">
        <dgm:presLayoutVars>
          <dgm:chMax val="0"/>
          <dgm:chPref val="0"/>
        </dgm:presLayoutVars>
      </dgm:prSet>
      <dgm:spPr/>
    </dgm:pt>
    <dgm:pt modelId="{662BAA20-CCC6-492D-A419-1031557B69C1}" type="pres">
      <dgm:prSet presAssocID="{43BE8E01-C511-42E5-8477-E8FB692477A5}" presName="ChildAccent" presStyleLbl="solidFgAcc1" presStyleIdx="10" presStyleCnt="14"/>
      <dgm:spPr/>
    </dgm:pt>
    <dgm:pt modelId="{531A24E3-8250-4BCC-BA81-EA01228095B5}" type="pres">
      <dgm:prSet presAssocID="{43BE8E01-C511-42E5-8477-E8FB692477A5}" presName="Child" presStyleLbl="revTx" presStyleIdx="12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F4C7539-A87A-4C48-A671-D813BA6F55EA}" type="pres">
      <dgm:prSet presAssocID="{A3940087-DC6D-42B4-A7EA-86DA1468C8CA}" presName="childComposite" presStyleCnt="0">
        <dgm:presLayoutVars>
          <dgm:chMax val="0"/>
          <dgm:chPref val="0"/>
        </dgm:presLayoutVars>
      </dgm:prSet>
      <dgm:spPr/>
    </dgm:pt>
    <dgm:pt modelId="{A64462F3-63BB-4A40-BF6E-624BFC60E4CC}" type="pres">
      <dgm:prSet presAssocID="{A3940087-DC6D-42B4-A7EA-86DA1468C8CA}" presName="ChildAccent" presStyleLbl="solidFgAcc1" presStyleIdx="11" presStyleCnt="14"/>
      <dgm:spPr/>
    </dgm:pt>
    <dgm:pt modelId="{657B151E-6BA2-490B-BDFC-562E29D34721}" type="pres">
      <dgm:prSet presAssocID="{A3940087-DC6D-42B4-A7EA-86DA1468C8CA}" presName="Child" presStyleLbl="revTx" presStyleIdx="13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0105CF3-B17C-634C-A113-1EEDF559FFC1}" type="pres">
      <dgm:prSet presAssocID="{1741EA69-DE31-3544-AF12-F29F5D200EBA}" presName="childComposite" presStyleCnt="0">
        <dgm:presLayoutVars>
          <dgm:chMax val="0"/>
          <dgm:chPref val="0"/>
        </dgm:presLayoutVars>
      </dgm:prSet>
      <dgm:spPr/>
    </dgm:pt>
    <dgm:pt modelId="{9A50EFA3-DDF8-5C4C-A141-B0B68375EC79}" type="pres">
      <dgm:prSet presAssocID="{1741EA69-DE31-3544-AF12-F29F5D200EBA}" presName="ChildAccent" presStyleLbl="solidFgAcc1" presStyleIdx="12" presStyleCnt="14"/>
      <dgm:spPr/>
    </dgm:pt>
    <dgm:pt modelId="{0A66F047-5A16-E844-922E-D299ED74A24B}" type="pres">
      <dgm:prSet presAssocID="{1741EA69-DE31-3544-AF12-F29F5D200EBA}" presName="Child" presStyleLbl="revTx" presStyleIdx="14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DF0EFC-A625-B144-A62D-2854CDDF9FE6}" type="pres">
      <dgm:prSet presAssocID="{A168C08D-F4AA-0F41-AACF-80D2496C4F8E}" presName="childComposite" presStyleCnt="0">
        <dgm:presLayoutVars>
          <dgm:chMax val="0"/>
          <dgm:chPref val="0"/>
        </dgm:presLayoutVars>
      </dgm:prSet>
      <dgm:spPr/>
    </dgm:pt>
    <dgm:pt modelId="{79CD6C8C-D81D-3646-A7C5-1A761009AF7D}" type="pres">
      <dgm:prSet presAssocID="{A168C08D-F4AA-0F41-AACF-80D2496C4F8E}" presName="ChildAccent" presStyleLbl="solidFgAcc1" presStyleIdx="13" presStyleCnt="14"/>
      <dgm:spPr/>
    </dgm:pt>
    <dgm:pt modelId="{1C000461-C3CA-234B-80D7-EDBD49806F6D}" type="pres">
      <dgm:prSet presAssocID="{A168C08D-F4AA-0F41-AACF-80D2496C4F8E}" presName="Child" presStyleLbl="revTx" presStyleIdx="15" presStyleCnt="16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750777D-D6AB-4F13-AC50-DEE9CA5577D3}" srcId="{162B5AD4-B964-4997-8B07-D666833B042B}" destId="{536012C5-2581-4984-A1FD-0166D63F06BB}" srcOrd="2" destOrd="0" parTransId="{C53BF6D6-1982-4310-BF9E-CFA5515FD0A7}" sibTransId="{42113833-3072-4C0D-BA59-345074E45036}"/>
    <dgm:cxn modelId="{CF8BC280-7501-334C-B3F4-C3F87027B9E9}" type="presOf" srcId="{536012C5-2581-4984-A1FD-0166D63F06BB}" destId="{2EF226DC-AB5D-4A8C-91E7-F0F68626BF8E}" srcOrd="0" destOrd="0" presId="urn:microsoft.com/office/officeart/2008/layout/SquareAccentList"/>
    <dgm:cxn modelId="{BC49A7B5-53E5-284F-B6B4-E98459DAB0F5}" type="presOf" srcId="{AA367108-7549-47DE-B3FA-4E7DC8B45C17}" destId="{C721A439-08AB-4380-BB73-13D20BF66B02}" srcOrd="0" destOrd="0" presId="urn:microsoft.com/office/officeart/2008/layout/SquareAccentList"/>
    <dgm:cxn modelId="{F394106D-E38C-AD44-9722-B1635E1A2474}" srcId="{162B5AD4-B964-4997-8B07-D666833B042B}" destId="{1741EA69-DE31-3544-AF12-F29F5D200EBA}" srcOrd="5" destOrd="0" parTransId="{9F51B95A-0E89-F842-A5C8-43E40E345B3E}" sibTransId="{2D9A68D4-789C-3F4B-BCAD-82F21B7519D2}"/>
    <dgm:cxn modelId="{20F3F919-0DFC-B246-8154-EFEE7E4841FC}" type="presOf" srcId="{EC976A1F-9C10-4717-9AD8-C215F1740DDE}" destId="{CA1A8B2A-3A7F-498B-B80B-98ADEE5D2E96}" srcOrd="0" destOrd="0" presId="urn:microsoft.com/office/officeart/2008/layout/SquareAccentList"/>
    <dgm:cxn modelId="{281CD3FD-3838-0D47-9865-31FC7C7D6FA6}" type="presOf" srcId="{162B5AD4-B964-4997-8B07-D666833B042B}" destId="{E77709CD-B11B-47C6-9DE2-45C96B654159}" srcOrd="0" destOrd="0" presId="urn:microsoft.com/office/officeart/2008/layout/SquareAccentList"/>
    <dgm:cxn modelId="{CFEFC185-EDD5-3846-ABDB-0F0FAD67E052}" type="presOf" srcId="{A3940087-DC6D-42B4-A7EA-86DA1468C8CA}" destId="{657B151E-6BA2-490B-BDFC-562E29D34721}" srcOrd="0" destOrd="0" presId="urn:microsoft.com/office/officeart/2008/layout/SquareAccentList"/>
    <dgm:cxn modelId="{523CD416-F06D-A841-B1F4-4BFE0A94D485}" srcId="{67F210C3-68B6-475F-A063-CFC725683D15}" destId="{CC2F7401-964E-A64D-BE4E-DE7AA7090998}" srcOrd="6" destOrd="0" parTransId="{59729C16-6CD3-A84C-8916-D8F87CE7FA22}" sibTransId="{3D378488-95DE-8248-9A4C-A53FD9F4C933}"/>
    <dgm:cxn modelId="{4F3F4D68-501B-49A9-8385-72C9338007BF}" srcId="{162B5AD4-B964-4997-8B07-D666833B042B}" destId="{FC8E94FC-B04C-40C2-90B3-79311DD0DE9F}" srcOrd="0" destOrd="0" parTransId="{F47EB850-A76D-445D-B9B2-AF2C4CC9D704}" sibTransId="{6B2D4DCD-019C-4C63-8FE4-F76DEA9B8F59}"/>
    <dgm:cxn modelId="{3FB37D26-9CB0-4692-92E4-34D9A986E40C}" srcId="{67F210C3-68B6-475F-A063-CFC725683D15}" destId="{9BCC8D93-A629-40AD-A434-DF2395FE45C7}" srcOrd="3" destOrd="0" parTransId="{EF08B0BE-7BB5-4D9C-975D-A0FEC6E91F21}" sibTransId="{BFC43DA9-CB62-4E4F-8F3A-3F75E29F1C10}"/>
    <dgm:cxn modelId="{A3E9B13F-AFEC-D640-BC32-C42C6FEA27CB}" type="presOf" srcId="{FC8E94FC-B04C-40C2-90B3-79311DD0DE9F}" destId="{F837B0F1-0758-4AA6-AAB1-2F6A0E98E331}" srcOrd="0" destOrd="0" presId="urn:microsoft.com/office/officeart/2008/layout/SquareAccentList"/>
    <dgm:cxn modelId="{AF7D1819-F2FA-384B-A064-0F39363486A1}" type="presOf" srcId="{8EEF22E7-6836-47C5-8E89-767D2B32C4DA}" destId="{6F23BEC7-6FE8-4C88-8AF6-8BE9A1D76F50}" srcOrd="0" destOrd="0" presId="urn:microsoft.com/office/officeart/2008/layout/SquareAccentList"/>
    <dgm:cxn modelId="{65931AEC-B780-A246-A222-7D0535AD1E04}" type="presOf" srcId="{9BCC8D93-A629-40AD-A434-DF2395FE45C7}" destId="{70C2B3DD-E5DE-4D93-B211-2C42612CAFE9}" srcOrd="0" destOrd="0" presId="urn:microsoft.com/office/officeart/2008/layout/SquareAccentList"/>
    <dgm:cxn modelId="{B16BB9D6-DB95-4DB4-B77F-256B80C6E9E3}" srcId="{27FC3439-BDC0-4FB7-8FF0-9A6E87801763}" destId="{67F210C3-68B6-475F-A063-CFC725683D15}" srcOrd="0" destOrd="0" parTransId="{FBEF45E3-967E-43A4-A175-6F8EEA49F824}" sibTransId="{016F90E3-E12A-4220-ABB9-DE025B511A58}"/>
    <dgm:cxn modelId="{7821721E-7703-0642-8096-B71C133E0AE6}" type="presOf" srcId="{27FC3439-BDC0-4FB7-8FF0-9A6E87801763}" destId="{62F4B66D-20A9-4080-841B-411CEE9EC58F}" srcOrd="0" destOrd="0" presId="urn:microsoft.com/office/officeart/2008/layout/SquareAccentList"/>
    <dgm:cxn modelId="{667682E1-B964-1243-9C63-50A89A430BD7}" type="presOf" srcId="{CC2F7401-964E-A64D-BE4E-DE7AA7090998}" destId="{DA86392D-E38B-184B-A218-B9AFB46299CB}" srcOrd="0" destOrd="0" presId="urn:microsoft.com/office/officeart/2008/layout/SquareAccentList"/>
    <dgm:cxn modelId="{FAE4C106-E308-0F4D-9F7D-D05E39EC7F08}" type="presOf" srcId="{A168C08D-F4AA-0F41-AACF-80D2496C4F8E}" destId="{1C000461-C3CA-234B-80D7-EDBD49806F6D}" srcOrd="0" destOrd="0" presId="urn:microsoft.com/office/officeart/2008/layout/SquareAccentList"/>
    <dgm:cxn modelId="{B1B4520E-92EB-B240-890E-132B6CD8EBFC}" type="presOf" srcId="{0A20BB00-B30D-49C5-B3B6-3C26F47268CA}" destId="{690E3E3D-22BC-42FD-B278-F48B2812EC65}" srcOrd="0" destOrd="0" presId="urn:microsoft.com/office/officeart/2008/layout/SquareAccentList"/>
    <dgm:cxn modelId="{EDCCBCF2-C5B0-41FF-82DC-4D2DB052B339}" srcId="{162B5AD4-B964-4997-8B07-D666833B042B}" destId="{AA367108-7549-47DE-B3FA-4E7DC8B45C17}" srcOrd="1" destOrd="0" parTransId="{53283012-3478-423A-960C-6A044FFE638F}" sibTransId="{D7AD4E54-E926-4D9E-A3D8-4CCA5F263C2B}"/>
    <dgm:cxn modelId="{13B804C8-999F-44C2-8B57-2A1D9FC52453}" srcId="{162B5AD4-B964-4997-8B07-D666833B042B}" destId="{A3940087-DC6D-42B4-A7EA-86DA1468C8CA}" srcOrd="4" destOrd="0" parTransId="{8B7CD2F0-B246-4066-BC8D-14A0E4FFC8D8}" sibTransId="{7D056F1D-5162-4F4C-879D-971A58C8499B}"/>
    <dgm:cxn modelId="{B02C88A9-D920-0B48-A068-92F62A56FA79}" type="presOf" srcId="{43BE8E01-C511-42E5-8477-E8FB692477A5}" destId="{531A24E3-8250-4BCC-BA81-EA01228095B5}" srcOrd="0" destOrd="0" presId="urn:microsoft.com/office/officeart/2008/layout/SquareAccentList"/>
    <dgm:cxn modelId="{1A42706C-5721-584E-A8A3-A52B4EAEC61E}" type="presOf" srcId="{E5766713-922C-4528-9A8D-E12443E141EC}" destId="{1B097A9D-0402-4634-B80C-0DE1A4BFB986}" srcOrd="0" destOrd="0" presId="urn:microsoft.com/office/officeart/2008/layout/SquareAccentList"/>
    <dgm:cxn modelId="{FAA1446B-1221-4441-A875-8EDFDF9CA9A8}" type="presOf" srcId="{1741EA69-DE31-3544-AF12-F29F5D200EBA}" destId="{0A66F047-5A16-E844-922E-D299ED74A24B}" srcOrd="0" destOrd="0" presId="urn:microsoft.com/office/officeart/2008/layout/SquareAccentList"/>
    <dgm:cxn modelId="{273B2AA6-5D96-D049-83B6-9D58638D4126}" type="presOf" srcId="{67F210C3-68B6-475F-A063-CFC725683D15}" destId="{6BF80A62-4F37-4DBC-9E07-D6871D5F9CB6}" srcOrd="0" destOrd="0" presId="urn:microsoft.com/office/officeart/2008/layout/SquareAccentList"/>
    <dgm:cxn modelId="{C46B2831-B5E2-4485-9493-1F95D28D5296}" srcId="{67F210C3-68B6-475F-A063-CFC725683D15}" destId="{0A20BB00-B30D-49C5-B3B6-3C26F47268CA}" srcOrd="4" destOrd="0" parTransId="{89BFF413-80C6-4810-B0FE-198CAA0D0E07}" sibTransId="{4D8922BF-0C0B-4550-B5DE-D665E8743014}"/>
    <dgm:cxn modelId="{313D54DA-DFA3-41BF-948F-A8B40CD7DFE4}" srcId="{67F210C3-68B6-475F-A063-CFC725683D15}" destId="{E5766713-922C-4528-9A8D-E12443E141EC}" srcOrd="2" destOrd="0" parTransId="{63633452-3B4D-4F4B-B693-299E8341CCF2}" sibTransId="{24156A11-8B3A-4CAF-BEE6-F73E0553718F}"/>
    <dgm:cxn modelId="{89E9C5CC-3F54-47DE-9B28-DDF022FF6033}" srcId="{162B5AD4-B964-4997-8B07-D666833B042B}" destId="{43BE8E01-C511-42E5-8477-E8FB692477A5}" srcOrd="3" destOrd="0" parTransId="{14BC7F22-2B86-4986-96DC-BCB62467B1E8}" sibTransId="{5D90010B-A5D3-4361-8404-4CEC1AC21661}"/>
    <dgm:cxn modelId="{36DD4EAB-8E81-AD48-90A2-F273240821A2}" type="presOf" srcId="{5AAF8915-419C-4671-B12A-951893BE3DB3}" destId="{B86283F9-6EE5-4A9D-8160-57AFD4997E01}" srcOrd="0" destOrd="0" presId="urn:microsoft.com/office/officeart/2008/layout/SquareAccentList"/>
    <dgm:cxn modelId="{EB997715-0116-4578-99D6-63626454E023}" srcId="{67F210C3-68B6-475F-A063-CFC725683D15}" destId="{8EEF22E7-6836-47C5-8E89-767D2B32C4DA}" srcOrd="5" destOrd="0" parTransId="{9C32C676-F26C-482A-80AC-4C5AC5444DE7}" sibTransId="{C7005971-F9C9-4CC8-80B3-45DA72FE13CF}"/>
    <dgm:cxn modelId="{5BEFE02D-9306-4C22-91B0-9A7B27E06115}" srcId="{67F210C3-68B6-475F-A063-CFC725683D15}" destId="{5AAF8915-419C-4671-B12A-951893BE3DB3}" srcOrd="0" destOrd="0" parTransId="{0BA0A969-FB45-43FC-82B0-D7201B799365}" sibTransId="{D11DA02F-7E3B-4B5E-81D0-63B1F340086F}"/>
    <dgm:cxn modelId="{3DF680DB-C17D-4FE1-B400-E02F16DF1ED1}" srcId="{27FC3439-BDC0-4FB7-8FF0-9A6E87801763}" destId="{162B5AD4-B964-4997-8B07-D666833B042B}" srcOrd="1" destOrd="0" parTransId="{2CC9B4C8-FA82-4AA8-99F0-354BEF65EA6C}" sibTransId="{D3016759-03F4-45C4-B3CE-319BE4CEB638}"/>
    <dgm:cxn modelId="{A3513692-2978-B547-BAE4-AAA50707C09C}" srcId="{162B5AD4-B964-4997-8B07-D666833B042B}" destId="{A168C08D-F4AA-0F41-AACF-80D2496C4F8E}" srcOrd="6" destOrd="0" parTransId="{FD4A8D6E-A3BA-AC46-AD28-D3265F11A6A5}" sibTransId="{EF5A0502-E3EF-774E-9839-356F80B65C3B}"/>
    <dgm:cxn modelId="{DF8D77D9-D1CD-4E98-9B69-31F9E67EF1E4}" srcId="{67F210C3-68B6-475F-A063-CFC725683D15}" destId="{EC976A1F-9C10-4717-9AD8-C215F1740DDE}" srcOrd="1" destOrd="0" parTransId="{82B73C97-41AC-4D6A-8B38-20D2785EE4F3}" sibTransId="{CCCA2C32-87ED-4B27-AC66-D276AB27C8E8}"/>
    <dgm:cxn modelId="{425069EE-BA2D-5A41-9A06-24E8B16472BD}" type="presParOf" srcId="{62F4B66D-20A9-4080-841B-411CEE9EC58F}" destId="{9EE34F92-5CB3-4E50-BA73-BB7E079451E5}" srcOrd="0" destOrd="0" presId="urn:microsoft.com/office/officeart/2008/layout/SquareAccentList"/>
    <dgm:cxn modelId="{807C7B90-2D8A-8449-B6A5-C5392BD175F2}" type="presParOf" srcId="{9EE34F92-5CB3-4E50-BA73-BB7E079451E5}" destId="{E53F0FD0-6EC2-4D53-9CD6-9FA60CDC78C3}" srcOrd="0" destOrd="0" presId="urn:microsoft.com/office/officeart/2008/layout/SquareAccentList"/>
    <dgm:cxn modelId="{CF09C45E-5468-934B-965A-0CF1BC1B5F5C}" type="presParOf" srcId="{E53F0FD0-6EC2-4D53-9CD6-9FA60CDC78C3}" destId="{EE6580FA-20FF-42F5-B9D0-3AE6E9B17D66}" srcOrd="0" destOrd="0" presId="urn:microsoft.com/office/officeart/2008/layout/SquareAccentList"/>
    <dgm:cxn modelId="{F714F086-F742-5B47-B6A2-55C7E70A6C85}" type="presParOf" srcId="{E53F0FD0-6EC2-4D53-9CD6-9FA60CDC78C3}" destId="{A5F2FFED-3260-4922-9C3F-5AC0708702F7}" srcOrd="1" destOrd="0" presId="urn:microsoft.com/office/officeart/2008/layout/SquareAccentList"/>
    <dgm:cxn modelId="{D3D6796D-D9BB-6444-B931-EC3005A3201F}" type="presParOf" srcId="{E53F0FD0-6EC2-4D53-9CD6-9FA60CDC78C3}" destId="{6BF80A62-4F37-4DBC-9E07-D6871D5F9CB6}" srcOrd="2" destOrd="0" presId="urn:microsoft.com/office/officeart/2008/layout/SquareAccentList"/>
    <dgm:cxn modelId="{5AD4501F-5C95-5D41-8963-A889308F80DC}" type="presParOf" srcId="{9EE34F92-5CB3-4E50-BA73-BB7E079451E5}" destId="{2D5705B2-DFBF-4065-973F-0589F67E28D7}" srcOrd="1" destOrd="0" presId="urn:microsoft.com/office/officeart/2008/layout/SquareAccentList"/>
    <dgm:cxn modelId="{BA7EBB6B-2662-CB46-B318-61C01A891876}" type="presParOf" srcId="{2D5705B2-DFBF-4065-973F-0589F67E28D7}" destId="{794CDAF8-A0F7-4248-9520-8B7491898187}" srcOrd="0" destOrd="0" presId="urn:microsoft.com/office/officeart/2008/layout/SquareAccentList"/>
    <dgm:cxn modelId="{09C26F0C-EBB8-154D-BA39-753903530C99}" type="presParOf" srcId="{794CDAF8-A0F7-4248-9520-8B7491898187}" destId="{5323F515-0F13-408C-8D24-E304651EEA30}" srcOrd="0" destOrd="0" presId="urn:microsoft.com/office/officeart/2008/layout/SquareAccentList"/>
    <dgm:cxn modelId="{B1017A69-10D9-C64A-A529-8AC84A43569C}" type="presParOf" srcId="{794CDAF8-A0F7-4248-9520-8B7491898187}" destId="{B86283F9-6EE5-4A9D-8160-57AFD4997E01}" srcOrd="1" destOrd="0" presId="urn:microsoft.com/office/officeart/2008/layout/SquareAccentList"/>
    <dgm:cxn modelId="{59C7E731-4A75-1741-AD0D-A35E33372816}" type="presParOf" srcId="{2D5705B2-DFBF-4065-973F-0589F67E28D7}" destId="{63FB5CA3-D33E-4E1E-B69E-1002343D5C56}" srcOrd="1" destOrd="0" presId="urn:microsoft.com/office/officeart/2008/layout/SquareAccentList"/>
    <dgm:cxn modelId="{F6D1F6B8-1E5D-5E4F-8240-2CD6C6CBCE8A}" type="presParOf" srcId="{63FB5CA3-D33E-4E1E-B69E-1002343D5C56}" destId="{5416766C-CA9C-4E93-835F-863AC36BFFBE}" srcOrd="0" destOrd="0" presId="urn:microsoft.com/office/officeart/2008/layout/SquareAccentList"/>
    <dgm:cxn modelId="{FA82954E-62C3-B24C-813E-16F78D6710ED}" type="presParOf" srcId="{63FB5CA3-D33E-4E1E-B69E-1002343D5C56}" destId="{CA1A8B2A-3A7F-498B-B80B-98ADEE5D2E96}" srcOrd="1" destOrd="0" presId="urn:microsoft.com/office/officeart/2008/layout/SquareAccentList"/>
    <dgm:cxn modelId="{BB3CC1C0-38E9-DD49-B103-1269B09BDFE1}" type="presParOf" srcId="{2D5705B2-DFBF-4065-973F-0589F67E28D7}" destId="{26814A90-BD88-4A9F-9D34-4B10BE41327D}" srcOrd="2" destOrd="0" presId="urn:microsoft.com/office/officeart/2008/layout/SquareAccentList"/>
    <dgm:cxn modelId="{BFC9384E-22AC-C54E-84C5-27E68CC201FA}" type="presParOf" srcId="{26814A90-BD88-4A9F-9D34-4B10BE41327D}" destId="{203A641A-B68D-4460-9168-C6BBC90B672D}" srcOrd="0" destOrd="0" presId="urn:microsoft.com/office/officeart/2008/layout/SquareAccentList"/>
    <dgm:cxn modelId="{9DAE0618-E31C-5648-B65F-468B023DD20E}" type="presParOf" srcId="{26814A90-BD88-4A9F-9D34-4B10BE41327D}" destId="{1B097A9D-0402-4634-B80C-0DE1A4BFB986}" srcOrd="1" destOrd="0" presId="urn:microsoft.com/office/officeart/2008/layout/SquareAccentList"/>
    <dgm:cxn modelId="{AD798A79-E4E1-A54A-A309-6D7000CDBEFA}" type="presParOf" srcId="{2D5705B2-DFBF-4065-973F-0589F67E28D7}" destId="{2FE17DC9-FA38-4A8F-BCE9-6B3066C52A1B}" srcOrd="3" destOrd="0" presId="urn:microsoft.com/office/officeart/2008/layout/SquareAccentList"/>
    <dgm:cxn modelId="{A65C3D10-4AD6-4E47-8618-4C8FC1C4B4F1}" type="presParOf" srcId="{2FE17DC9-FA38-4A8F-BCE9-6B3066C52A1B}" destId="{2A546279-477B-4B4E-9FE3-30D7471A2E33}" srcOrd="0" destOrd="0" presId="urn:microsoft.com/office/officeart/2008/layout/SquareAccentList"/>
    <dgm:cxn modelId="{ECE03971-A05D-B14D-94F8-38848559A692}" type="presParOf" srcId="{2FE17DC9-FA38-4A8F-BCE9-6B3066C52A1B}" destId="{70C2B3DD-E5DE-4D93-B211-2C42612CAFE9}" srcOrd="1" destOrd="0" presId="urn:microsoft.com/office/officeart/2008/layout/SquareAccentList"/>
    <dgm:cxn modelId="{2CFD37D9-80F0-1645-BED8-E1349C9A92B2}" type="presParOf" srcId="{2D5705B2-DFBF-4065-973F-0589F67E28D7}" destId="{108E680C-A417-4103-826A-3FEC7D023D38}" srcOrd="4" destOrd="0" presId="urn:microsoft.com/office/officeart/2008/layout/SquareAccentList"/>
    <dgm:cxn modelId="{8018B0F3-57E1-7C4B-814D-62052F6930EF}" type="presParOf" srcId="{108E680C-A417-4103-826A-3FEC7D023D38}" destId="{3ACE7179-5A07-456D-A549-DB1E848E1314}" srcOrd="0" destOrd="0" presId="urn:microsoft.com/office/officeart/2008/layout/SquareAccentList"/>
    <dgm:cxn modelId="{6B74180B-E939-9845-9827-FFC37133ADC0}" type="presParOf" srcId="{108E680C-A417-4103-826A-3FEC7D023D38}" destId="{690E3E3D-22BC-42FD-B278-F48B2812EC65}" srcOrd="1" destOrd="0" presId="urn:microsoft.com/office/officeart/2008/layout/SquareAccentList"/>
    <dgm:cxn modelId="{5E00EE56-8655-BB4B-AD28-F401B71C0746}" type="presParOf" srcId="{2D5705B2-DFBF-4065-973F-0589F67E28D7}" destId="{D4A56E51-1E14-4F0A-9A94-B5093205335A}" srcOrd="5" destOrd="0" presId="urn:microsoft.com/office/officeart/2008/layout/SquareAccentList"/>
    <dgm:cxn modelId="{1162FEE9-7106-4641-928A-242F6F703B26}" type="presParOf" srcId="{D4A56E51-1E14-4F0A-9A94-B5093205335A}" destId="{8F8AE62F-8709-499B-992C-58CE2ABDD147}" srcOrd="0" destOrd="0" presId="urn:microsoft.com/office/officeart/2008/layout/SquareAccentList"/>
    <dgm:cxn modelId="{18CF8AA4-043D-0044-996B-78782878EFDA}" type="presParOf" srcId="{D4A56E51-1E14-4F0A-9A94-B5093205335A}" destId="{6F23BEC7-6FE8-4C88-8AF6-8BE9A1D76F50}" srcOrd="1" destOrd="0" presId="urn:microsoft.com/office/officeart/2008/layout/SquareAccentList"/>
    <dgm:cxn modelId="{B8608C9C-F5BF-8944-B59C-503C4D8BD7C1}" type="presParOf" srcId="{2D5705B2-DFBF-4065-973F-0589F67E28D7}" destId="{C11C0D90-7DA2-E34A-96FD-0B902EEE2CED}" srcOrd="6" destOrd="0" presId="urn:microsoft.com/office/officeart/2008/layout/SquareAccentList"/>
    <dgm:cxn modelId="{45BC183B-B443-AD4E-9507-B96673752D0F}" type="presParOf" srcId="{C11C0D90-7DA2-E34A-96FD-0B902EEE2CED}" destId="{69713D56-7F76-5F4A-BB83-E7611B4A2B71}" srcOrd="0" destOrd="0" presId="urn:microsoft.com/office/officeart/2008/layout/SquareAccentList"/>
    <dgm:cxn modelId="{7ED32348-83EF-364C-B382-9C8187149283}" type="presParOf" srcId="{C11C0D90-7DA2-E34A-96FD-0B902EEE2CED}" destId="{DA86392D-E38B-184B-A218-B9AFB46299CB}" srcOrd="1" destOrd="0" presId="urn:microsoft.com/office/officeart/2008/layout/SquareAccentList"/>
    <dgm:cxn modelId="{E535AA44-136B-0B4C-9F80-76D2BB9962BD}" type="presParOf" srcId="{62F4B66D-20A9-4080-841B-411CEE9EC58F}" destId="{718B630C-AF3F-4137-B5F9-2D6A523C24E2}" srcOrd="1" destOrd="0" presId="urn:microsoft.com/office/officeart/2008/layout/SquareAccentList"/>
    <dgm:cxn modelId="{9A92B42B-6133-E14F-87FB-079B5BCFA8A4}" type="presParOf" srcId="{718B630C-AF3F-4137-B5F9-2D6A523C24E2}" destId="{A710307B-0FA9-4ED0-BC45-AA393F28E948}" srcOrd="0" destOrd="0" presId="urn:microsoft.com/office/officeart/2008/layout/SquareAccentList"/>
    <dgm:cxn modelId="{AF7E8D9D-B4EF-384C-80A1-DA6F257655B0}" type="presParOf" srcId="{A710307B-0FA9-4ED0-BC45-AA393F28E948}" destId="{31930DDC-9379-4CFE-84B6-403D8DA4EE3C}" srcOrd="0" destOrd="0" presId="urn:microsoft.com/office/officeart/2008/layout/SquareAccentList"/>
    <dgm:cxn modelId="{171CC02A-A77B-AF46-AFA3-CC920A503305}" type="presParOf" srcId="{A710307B-0FA9-4ED0-BC45-AA393F28E948}" destId="{8C997A84-7BBB-454D-827E-C58C73AFA1EA}" srcOrd="1" destOrd="0" presId="urn:microsoft.com/office/officeart/2008/layout/SquareAccentList"/>
    <dgm:cxn modelId="{1F8D9F1A-614B-0246-9E84-5B5CBED3BB2A}" type="presParOf" srcId="{A710307B-0FA9-4ED0-BC45-AA393F28E948}" destId="{E77709CD-B11B-47C6-9DE2-45C96B654159}" srcOrd="2" destOrd="0" presId="urn:microsoft.com/office/officeart/2008/layout/SquareAccentList"/>
    <dgm:cxn modelId="{B6DD762B-2224-9C48-864E-AF041D5A7C97}" type="presParOf" srcId="{718B630C-AF3F-4137-B5F9-2D6A523C24E2}" destId="{7ED0B1AA-E619-4CDD-AA69-480A9A549567}" srcOrd="1" destOrd="0" presId="urn:microsoft.com/office/officeart/2008/layout/SquareAccentList"/>
    <dgm:cxn modelId="{B8B77F8B-D2B7-994A-B270-BE101239609D}" type="presParOf" srcId="{7ED0B1AA-E619-4CDD-AA69-480A9A549567}" destId="{DDBA050E-9D4D-4FF1-8367-60CD948B355F}" srcOrd="0" destOrd="0" presId="urn:microsoft.com/office/officeart/2008/layout/SquareAccentList"/>
    <dgm:cxn modelId="{37563FEB-AD59-094E-82EC-9B7BE2035212}" type="presParOf" srcId="{DDBA050E-9D4D-4FF1-8367-60CD948B355F}" destId="{13825A37-883B-4F23-AFC9-DC86ADDFFB1F}" srcOrd="0" destOrd="0" presId="urn:microsoft.com/office/officeart/2008/layout/SquareAccentList"/>
    <dgm:cxn modelId="{70C43696-5AE2-EE40-AFBD-8CFEB93D2CA1}" type="presParOf" srcId="{DDBA050E-9D4D-4FF1-8367-60CD948B355F}" destId="{F837B0F1-0758-4AA6-AAB1-2F6A0E98E331}" srcOrd="1" destOrd="0" presId="urn:microsoft.com/office/officeart/2008/layout/SquareAccentList"/>
    <dgm:cxn modelId="{2ED250EA-6A7B-8844-9924-881F27A84DBF}" type="presParOf" srcId="{7ED0B1AA-E619-4CDD-AA69-480A9A549567}" destId="{7670F82E-C1BC-4B94-A306-30D7928CD873}" srcOrd="1" destOrd="0" presId="urn:microsoft.com/office/officeart/2008/layout/SquareAccentList"/>
    <dgm:cxn modelId="{5E6F0D57-E7F8-7D4E-A72F-899F317D6FBD}" type="presParOf" srcId="{7670F82E-C1BC-4B94-A306-30D7928CD873}" destId="{EB3E1D36-94DB-4EAA-95DB-5F306D207456}" srcOrd="0" destOrd="0" presId="urn:microsoft.com/office/officeart/2008/layout/SquareAccentList"/>
    <dgm:cxn modelId="{33B5D3C4-DE96-0846-AFEA-999333091744}" type="presParOf" srcId="{7670F82E-C1BC-4B94-A306-30D7928CD873}" destId="{C721A439-08AB-4380-BB73-13D20BF66B02}" srcOrd="1" destOrd="0" presId="urn:microsoft.com/office/officeart/2008/layout/SquareAccentList"/>
    <dgm:cxn modelId="{F798F943-18CF-D74A-8143-58F4E1BC1F2A}" type="presParOf" srcId="{7ED0B1AA-E619-4CDD-AA69-480A9A549567}" destId="{EC60BB1A-711B-4553-A8A2-48267495A587}" srcOrd="2" destOrd="0" presId="urn:microsoft.com/office/officeart/2008/layout/SquareAccentList"/>
    <dgm:cxn modelId="{B02DC75F-5CAF-1248-AF16-A659BB8602D5}" type="presParOf" srcId="{EC60BB1A-711B-4553-A8A2-48267495A587}" destId="{4DD3D534-E31F-47A7-981E-5B2813A2D315}" srcOrd="0" destOrd="0" presId="urn:microsoft.com/office/officeart/2008/layout/SquareAccentList"/>
    <dgm:cxn modelId="{C1630777-AB2E-BB40-A29A-AAEB1AC41529}" type="presParOf" srcId="{EC60BB1A-711B-4553-A8A2-48267495A587}" destId="{2EF226DC-AB5D-4A8C-91E7-F0F68626BF8E}" srcOrd="1" destOrd="0" presId="urn:microsoft.com/office/officeart/2008/layout/SquareAccentList"/>
    <dgm:cxn modelId="{EF1F5FA2-3531-D742-9C6F-5B866EEAF317}" type="presParOf" srcId="{7ED0B1AA-E619-4CDD-AA69-480A9A549567}" destId="{CCF8C124-7ADC-411D-B13E-2096E5570593}" srcOrd="3" destOrd="0" presId="urn:microsoft.com/office/officeart/2008/layout/SquareAccentList"/>
    <dgm:cxn modelId="{E62BAD31-CFCF-BE47-89A1-C4E52D0C908F}" type="presParOf" srcId="{CCF8C124-7ADC-411D-B13E-2096E5570593}" destId="{662BAA20-CCC6-492D-A419-1031557B69C1}" srcOrd="0" destOrd="0" presId="urn:microsoft.com/office/officeart/2008/layout/SquareAccentList"/>
    <dgm:cxn modelId="{0A9E7ECA-9FE2-9648-9813-3D90AE0B035A}" type="presParOf" srcId="{CCF8C124-7ADC-411D-B13E-2096E5570593}" destId="{531A24E3-8250-4BCC-BA81-EA01228095B5}" srcOrd="1" destOrd="0" presId="urn:microsoft.com/office/officeart/2008/layout/SquareAccentList"/>
    <dgm:cxn modelId="{E5FA4080-68BE-D84C-B7E9-4F8A9E182938}" type="presParOf" srcId="{7ED0B1AA-E619-4CDD-AA69-480A9A549567}" destId="{AF4C7539-A87A-4C48-A671-D813BA6F55EA}" srcOrd="4" destOrd="0" presId="urn:microsoft.com/office/officeart/2008/layout/SquareAccentList"/>
    <dgm:cxn modelId="{BEF21294-2CA2-0148-B652-1FFFCD1CDD3A}" type="presParOf" srcId="{AF4C7539-A87A-4C48-A671-D813BA6F55EA}" destId="{A64462F3-63BB-4A40-BF6E-624BFC60E4CC}" srcOrd="0" destOrd="0" presId="urn:microsoft.com/office/officeart/2008/layout/SquareAccentList"/>
    <dgm:cxn modelId="{85D72BCA-3DED-454C-9271-E8AA5B3F26BD}" type="presParOf" srcId="{AF4C7539-A87A-4C48-A671-D813BA6F55EA}" destId="{657B151E-6BA2-490B-BDFC-562E29D34721}" srcOrd="1" destOrd="0" presId="urn:microsoft.com/office/officeart/2008/layout/SquareAccentList"/>
    <dgm:cxn modelId="{4013A04D-7BFC-E14A-9FB1-0B7E437F7FA2}" type="presParOf" srcId="{7ED0B1AA-E619-4CDD-AA69-480A9A549567}" destId="{A0105CF3-B17C-634C-A113-1EEDF559FFC1}" srcOrd="5" destOrd="0" presId="urn:microsoft.com/office/officeart/2008/layout/SquareAccentList"/>
    <dgm:cxn modelId="{6B01466E-97EB-8440-8564-E44CD0A16B31}" type="presParOf" srcId="{A0105CF3-B17C-634C-A113-1EEDF559FFC1}" destId="{9A50EFA3-DDF8-5C4C-A141-B0B68375EC79}" srcOrd="0" destOrd="0" presId="urn:microsoft.com/office/officeart/2008/layout/SquareAccentList"/>
    <dgm:cxn modelId="{4D54BA7E-F957-DA48-B0DC-7974F3DC1924}" type="presParOf" srcId="{A0105CF3-B17C-634C-A113-1EEDF559FFC1}" destId="{0A66F047-5A16-E844-922E-D299ED74A24B}" srcOrd="1" destOrd="0" presId="urn:microsoft.com/office/officeart/2008/layout/SquareAccentList"/>
    <dgm:cxn modelId="{5520FC98-5F14-5B41-8C41-6B500B7D132D}" type="presParOf" srcId="{7ED0B1AA-E619-4CDD-AA69-480A9A549567}" destId="{4EDF0EFC-A625-B144-A62D-2854CDDF9FE6}" srcOrd="6" destOrd="0" presId="urn:microsoft.com/office/officeart/2008/layout/SquareAccentList"/>
    <dgm:cxn modelId="{3209AC2B-5EBD-4847-AAB7-E9E48B22A8BB}" type="presParOf" srcId="{4EDF0EFC-A625-B144-A62D-2854CDDF9FE6}" destId="{79CD6C8C-D81D-3646-A7C5-1A761009AF7D}" srcOrd="0" destOrd="0" presId="urn:microsoft.com/office/officeart/2008/layout/SquareAccentList"/>
    <dgm:cxn modelId="{CC6A6B4A-497B-1143-9B2C-9E848F5E6975}" type="presParOf" srcId="{4EDF0EFC-A625-B144-A62D-2854CDDF9FE6}" destId="{1C000461-C3CA-234B-80D7-EDBD49806F6D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7FC3439-BDC0-4FB7-8FF0-9A6E87801763}" type="doc">
      <dgm:prSet loTypeId="urn:microsoft.com/office/officeart/2008/layout/SquareAccentList" loCatId="list" qsTypeId="urn:microsoft.com/office/officeart/2005/8/quickstyle/simple3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67F210C3-68B6-475F-A063-CFC725683D15}">
      <dgm:prSet phldrT="[Text]"/>
      <dgm:spPr/>
      <dgm:t>
        <a:bodyPr/>
        <a:lstStyle/>
        <a:p>
          <a:r>
            <a:rPr lang="en-US" b="1" dirty="0" smtClean="0"/>
            <a:t>Part 1(Phase 2)</a:t>
          </a:r>
          <a:endParaRPr lang="en-US" b="1" dirty="0"/>
        </a:p>
      </dgm:t>
    </dgm:pt>
    <dgm:pt modelId="{FBEF45E3-967E-43A4-A175-6F8EEA49F824}" type="parTrans" cxnId="{B16BB9D6-DB95-4DB4-B77F-256B80C6E9E3}">
      <dgm:prSet/>
      <dgm:spPr/>
      <dgm:t>
        <a:bodyPr/>
        <a:lstStyle/>
        <a:p>
          <a:endParaRPr lang="en-US"/>
        </a:p>
      </dgm:t>
    </dgm:pt>
    <dgm:pt modelId="{016F90E3-E12A-4220-ABB9-DE025B511A58}" type="sibTrans" cxnId="{B16BB9D6-DB95-4DB4-B77F-256B80C6E9E3}">
      <dgm:prSet/>
      <dgm:spPr/>
      <dgm:t>
        <a:bodyPr/>
        <a:lstStyle/>
        <a:p>
          <a:endParaRPr lang="en-US"/>
        </a:p>
      </dgm:t>
    </dgm:pt>
    <dgm:pt modelId="{5AAF8915-419C-4671-B12A-951893BE3DB3}">
      <dgm:prSet phldrT="[Text]"/>
      <dgm:spPr/>
      <dgm:t>
        <a:bodyPr/>
        <a:lstStyle/>
        <a:p>
          <a:r>
            <a:rPr lang="en-US" dirty="0" smtClean="0"/>
            <a:t>Product Name</a:t>
          </a:r>
          <a:endParaRPr lang="en-US" dirty="0"/>
        </a:p>
      </dgm:t>
    </dgm:pt>
    <dgm:pt modelId="{0BA0A969-FB45-43FC-82B0-D7201B799365}" type="parTrans" cxnId="{5BEFE02D-9306-4C22-91B0-9A7B27E06115}">
      <dgm:prSet/>
      <dgm:spPr/>
      <dgm:t>
        <a:bodyPr/>
        <a:lstStyle/>
        <a:p>
          <a:endParaRPr lang="en-US"/>
        </a:p>
      </dgm:t>
    </dgm:pt>
    <dgm:pt modelId="{D11DA02F-7E3B-4B5E-81D0-63B1F340086F}" type="sibTrans" cxnId="{5BEFE02D-9306-4C22-91B0-9A7B27E06115}">
      <dgm:prSet/>
      <dgm:spPr/>
      <dgm:t>
        <a:bodyPr/>
        <a:lstStyle/>
        <a:p>
          <a:endParaRPr lang="en-US"/>
        </a:p>
      </dgm:t>
    </dgm:pt>
    <dgm:pt modelId="{E5766713-922C-4528-9A8D-E12443E141EC}">
      <dgm:prSet phldrT="[Text]"/>
      <dgm:spPr/>
      <dgm:t>
        <a:bodyPr/>
        <a:lstStyle/>
        <a:p>
          <a:r>
            <a:rPr lang="en-US" dirty="0" smtClean="0"/>
            <a:t>Card Status </a:t>
          </a:r>
          <a:endParaRPr lang="en-US" dirty="0"/>
        </a:p>
      </dgm:t>
    </dgm:pt>
    <dgm:pt modelId="{63633452-3B4D-4F4B-B693-299E8341CCF2}" type="parTrans" cxnId="{313D54DA-DFA3-41BF-948F-A8B40CD7DFE4}">
      <dgm:prSet/>
      <dgm:spPr/>
      <dgm:t>
        <a:bodyPr/>
        <a:lstStyle/>
        <a:p>
          <a:endParaRPr lang="en-US"/>
        </a:p>
      </dgm:t>
    </dgm:pt>
    <dgm:pt modelId="{24156A11-8B3A-4CAF-BEE6-F73E0553718F}" type="sibTrans" cxnId="{313D54DA-DFA3-41BF-948F-A8B40CD7DFE4}">
      <dgm:prSet/>
      <dgm:spPr/>
      <dgm:t>
        <a:bodyPr/>
        <a:lstStyle/>
        <a:p>
          <a:endParaRPr lang="en-US"/>
        </a:p>
      </dgm:t>
    </dgm:pt>
    <dgm:pt modelId="{9BCC8D93-A629-40AD-A434-DF2395FE45C7}">
      <dgm:prSet phldrT="[Text]"/>
      <dgm:spPr/>
      <dgm:t>
        <a:bodyPr/>
        <a:lstStyle/>
        <a:p>
          <a:r>
            <a:rPr lang="en-US" dirty="0" smtClean="0"/>
            <a:t>Card Credit Limit</a:t>
          </a:r>
          <a:endParaRPr lang="en-US" dirty="0"/>
        </a:p>
      </dgm:t>
    </dgm:pt>
    <dgm:pt modelId="{EF08B0BE-7BB5-4D9C-975D-A0FEC6E91F21}" type="parTrans" cxnId="{3FB37D26-9CB0-4692-92E4-34D9A986E40C}">
      <dgm:prSet/>
      <dgm:spPr/>
      <dgm:t>
        <a:bodyPr/>
        <a:lstStyle/>
        <a:p>
          <a:endParaRPr lang="en-US"/>
        </a:p>
      </dgm:t>
    </dgm:pt>
    <dgm:pt modelId="{BFC43DA9-CB62-4E4F-8F3A-3F75E29F1C10}" type="sibTrans" cxnId="{3FB37D26-9CB0-4692-92E4-34D9A986E40C}">
      <dgm:prSet/>
      <dgm:spPr/>
      <dgm:t>
        <a:bodyPr/>
        <a:lstStyle/>
        <a:p>
          <a:endParaRPr lang="en-US"/>
        </a:p>
      </dgm:t>
    </dgm:pt>
    <dgm:pt modelId="{162B5AD4-B964-4997-8B07-D666833B042B}">
      <dgm:prSet phldrT="[Text]"/>
      <dgm:spPr/>
      <dgm:t>
        <a:bodyPr/>
        <a:lstStyle/>
        <a:p>
          <a:r>
            <a:rPr lang="en-US" b="1" dirty="0" smtClean="0"/>
            <a:t>Part 2(Phase 3)</a:t>
          </a:r>
          <a:endParaRPr lang="en-US" b="1" dirty="0"/>
        </a:p>
      </dgm:t>
    </dgm:pt>
    <dgm:pt modelId="{2CC9B4C8-FA82-4AA8-99F0-354BEF65EA6C}" type="parTrans" cxnId="{3DF680DB-C17D-4FE1-B400-E02F16DF1ED1}">
      <dgm:prSet/>
      <dgm:spPr/>
      <dgm:t>
        <a:bodyPr/>
        <a:lstStyle/>
        <a:p>
          <a:endParaRPr lang="en-US"/>
        </a:p>
      </dgm:t>
    </dgm:pt>
    <dgm:pt modelId="{D3016759-03F4-45C4-B3CE-319BE4CEB638}" type="sibTrans" cxnId="{3DF680DB-C17D-4FE1-B400-E02F16DF1ED1}">
      <dgm:prSet/>
      <dgm:spPr/>
      <dgm:t>
        <a:bodyPr/>
        <a:lstStyle/>
        <a:p>
          <a:endParaRPr lang="en-US"/>
        </a:p>
      </dgm:t>
    </dgm:pt>
    <dgm:pt modelId="{FC8E94FC-B04C-40C2-90B3-79311DD0DE9F}">
      <dgm:prSet phldrT="[Text]"/>
      <dgm:spPr/>
      <dgm:t>
        <a:bodyPr/>
        <a:lstStyle/>
        <a:p>
          <a:r>
            <a:rPr lang="en-US" dirty="0" smtClean="0"/>
            <a:t>Credit Card Activation</a:t>
          </a:r>
          <a:endParaRPr lang="en-US" dirty="0"/>
        </a:p>
      </dgm:t>
    </dgm:pt>
    <dgm:pt modelId="{F47EB850-A76D-445D-B9B2-AF2C4CC9D704}" type="parTrans" cxnId="{4F3F4D68-501B-49A9-8385-72C9338007BF}">
      <dgm:prSet/>
      <dgm:spPr/>
      <dgm:t>
        <a:bodyPr/>
        <a:lstStyle/>
        <a:p>
          <a:endParaRPr lang="en-US"/>
        </a:p>
      </dgm:t>
    </dgm:pt>
    <dgm:pt modelId="{6B2D4DCD-019C-4C63-8FE4-F76DEA9B8F59}" type="sibTrans" cxnId="{4F3F4D68-501B-49A9-8385-72C9338007BF}">
      <dgm:prSet/>
      <dgm:spPr/>
      <dgm:t>
        <a:bodyPr/>
        <a:lstStyle/>
        <a:p>
          <a:endParaRPr lang="en-US"/>
        </a:p>
      </dgm:t>
    </dgm:pt>
    <dgm:pt modelId="{AA367108-7549-47DE-B3FA-4E7DC8B45C17}">
      <dgm:prSet phldrT="[Text]"/>
      <dgm:spPr/>
      <dgm:t>
        <a:bodyPr/>
        <a:lstStyle/>
        <a:p>
          <a:r>
            <a:rPr lang="en-US" dirty="0" smtClean="0"/>
            <a:t>Insurance (De)Activation</a:t>
          </a:r>
          <a:endParaRPr lang="en-US" dirty="0"/>
        </a:p>
      </dgm:t>
    </dgm:pt>
    <dgm:pt modelId="{53283012-3478-423A-960C-6A044FFE638F}" type="parTrans" cxnId="{EDCCBCF2-C5B0-41FF-82DC-4D2DB052B339}">
      <dgm:prSet/>
      <dgm:spPr/>
      <dgm:t>
        <a:bodyPr/>
        <a:lstStyle/>
        <a:p>
          <a:endParaRPr lang="en-US"/>
        </a:p>
      </dgm:t>
    </dgm:pt>
    <dgm:pt modelId="{D7AD4E54-E926-4D9E-A3D8-4CCA5F263C2B}" type="sibTrans" cxnId="{EDCCBCF2-C5B0-41FF-82DC-4D2DB052B339}">
      <dgm:prSet/>
      <dgm:spPr/>
      <dgm:t>
        <a:bodyPr/>
        <a:lstStyle/>
        <a:p>
          <a:endParaRPr lang="en-US"/>
        </a:p>
      </dgm:t>
    </dgm:pt>
    <dgm:pt modelId="{536012C5-2581-4984-A1FD-0166D63F06BB}">
      <dgm:prSet phldrT="[Text]"/>
      <dgm:spPr/>
      <dgm:t>
        <a:bodyPr/>
        <a:lstStyle/>
        <a:p>
          <a:r>
            <a:rPr lang="en-US" dirty="0" smtClean="0"/>
            <a:t>Block/Un-block Card</a:t>
          </a:r>
          <a:endParaRPr lang="en-US" dirty="0"/>
        </a:p>
      </dgm:t>
    </dgm:pt>
    <dgm:pt modelId="{C53BF6D6-1982-4310-BF9E-CFA5515FD0A7}" type="parTrans" cxnId="{B750777D-D6AB-4F13-AC50-DEE9CA5577D3}">
      <dgm:prSet/>
      <dgm:spPr/>
      <dgm:t>
        <a:bodyPr/>
        <a:lstStyle/>
        <a:p>
          <a:endParaRPr lang="en-US"/>
        </a:p>
      </dgm:t>
    </dgm:pt>
    <dgm:pt modelId="{42113833-3072-4C0D-BA59-345074E45036}" type="sibTrans" cxnId="{B750777D-D6AB-4F13-AC50-DEE9CA5577D3}">
      <dgm:prSet/>
      <dgm:spPr/>
      <dgm:t>
        <a:bodyPr/>
        <a:lstStyle/>
        <a:p>
          <a:endParaRPr lang="en-US"/>
        </a:p>
      </dgm:t>
    </dgm:pt>
    <dgm:pt modelId="{EC976A1F-9C10-4717-9AD8-C215F1740DDE}">
      <dgm:prSet phldrT="[Text]"/>
      <dgm:spPr/>
      <dgm:t>
        <a:bodyPr/>
        <a:lstStyle/>
        <a:p>
          <a:r>
            <a:rPr lang="en-US" dirty="0" smtClean="0"/>
            <a:t>Card Number (masked card)</a:t>
          </a:r>
          <a:endParaRPr lang="en-US" dirty="0"/>
        </a:p>
      </dgm:t>
    </dgm:pt>
    <dgm:pt modelId="{82B73C97-41AC-4D6A-8B38-20D2785EE4F3}" type="parTrans" cxnId="{DF8D77D9-D1CD-4E98-9B69-31F9E67EF1E4}">
      <dgm:prSet/>
      <dgm:spPr/>
      <dgm:t>
        <a:bodyPr/>
        <a:lstStyle/>
        <a:p>
          <a:endParaRPr lang="en-US"/>
        </a:p>
      </dgm:t>
    </dgm:pt>
    <dgm:pt modelId="{CCCA2C32-87ED-4B27-AC66-D276AB27C8E8}" type="sibTrans" cxnId="{DF8D77D9-D1CD-4E98-9B69-31F9E67EF1E4}">
      <dgm:prSet/>
      <dgm:spPr/>
      <dgm:t>
        <a:bodyPr/>
        <a:lstStyle/>
        <a:p>
          <a:endParaRPr lang="en-US"/>
        </a:p>
      </dgm:t>
    </dgm:pt>
    <dgm:pt modelId="{0A20BB00-B30D-49C5-B3B6-3C26F47268CA}">
      <dgm:prSet phldrT="[Text]"/>
      <dgm:spPr/>
      <dgm:t>
        <a:bodyPr/>
        <a:lstStyle/>
        <a:p>
          <a:r>
            <a:rPr lang="en-US" dirty="0" smtClean="0"/>
            <a:t>Open to Buy Balance</a:t>
          </a:r>
          <a:endParaRPr lang="en-US" dirty="0"/>
        </a:p>
      </dgm:t>
    </dgm:pt>
    <dgm:pt modelId="{89BFF413-80C6-4810-B0FE-198CAA0D0E07}" type="parTrans" cxnId="{C46B2831-B5E2-4485-9493-1F95D28D5296}">
      <dgm:prSet/>
      <dgm:spPr/>
      <dgm:t>
        <a:bodyPr/>
        <a:lstStyle/>
        <a:p>
          <a:endParaRPr lang="en-US"/>
        </a:p>
      </dgm:t>
    </dgm:pt>
    <dgm:pt modelId="{4D8922BF-0C0B-4550-B5DE-D665E8743014}" type="sibTrans" cxnId="{C46B2831-B5E2-4485-9493-1F95D28D5296}">
      <dgm:prSet/>
      <dgm:spPr/>
      <dgm:t>
        <a:bodyPr/>
        <a:lstStyle/>
        <a:p>
          <a:endParaRPr lang="en-US"/>
        </a:p>
      </dgm:t>
    </dgm:pt>
    <dgm:pt modelId="{8EEF22E7-6836-47C5-8E89-767D2B32C4DA}">
      <dgm:prSet phldrT="[Text]"/>
      <dgm:spPr/>
      <dgm:t>
        <a:bodyPr/>
        <a:lstStyle/>
        <a:p>
          <a:r>
            <a:rPr lang="en-US" dirty="0" smtClean="0"/>
            <a:t>Total Outstanding Balance</a:t>
          </a:r>
          <a:endParaRPr lang="en-US" dirty="0"/>
        </a:p>
      </dgm:t>
    </dgm:pt>
    <dgm:pt modelId="{9C32C676-F26C-482A-80AC-4C5AC5444DE7}" type="parTrans" cxnId="{EB997715-0116-4578-99D6-63626454E023}">
      <dgm:prSet/>
      <dgm:spPr/>
      <dgm:t>
        <a:bodyPr/>
        <a:lstStyle/>
        <a:p>
          <a:endParaRPr lang="en-US"/>
        </a:p>
      </dgm:t>
    </dgm:pt>
    <dgm:pt modelId="{C7005971-F9C9-4CC8-80B3-45DA72FE13CF}" type="sibTrans" cxnId="{EB997715-0116-4578-99D6-63626454E023}">
      <dgm:prSet/>
      <dgm:spPr/>
      <dgm:t>
        <a:bodyPr/>
        <a:lstStyle/>
        <a:p>
          <a:endParaRPr lang="en-US"/>
        </a:p>
      </dgm:t>
    </dgm:pt>
    <dgm:pt modelId="{7F057B03-0C8A-474A-815D-12E673E6ECD2}">
      <dgm:prSet phldrT="[Text]"/>
      <dgm:spPr/>
      <dgm:t>
        <a:bodyPr/>
        <a:lstStyle/>
        <a:p>
          <a:r>
            <a:rPr lang="en-US" dirty="0" smtClean="0"/>
            <a:t>Minimum Due Amount</a:t>
          </a:r>
          <a:endParaRPr lang="en-US" dirty="0"/>
        </a:p>
      </dgm:t>
    </dgm:pt>
    <dgm:pt modelId="{3100B7D6-A83D-4288-9135-1C32B1A38A71}" type="parTrans" cxnId="{D0BDE5A8-BF27-42A8-960E-F87607D358B4}">
      <dgm:prSet/>
      <dgm:spPr/>
      <dgm:t>
        <a:bodyPr/>
        <a:lstStyle/>
        <a:p>
          <a:endParaRPr lang="en-US"/>
        </a:p>
      </dgm:t>
    </dgm:pt>
    <dgm:pt modelId="{F8C86077-83ED-45AF-8F69-1D61C68615AB}" type="sibTrans" cxnId="{D0BDE5A8-BF27-42A8-960E-F87607D358B4}">
      <dgm:prSet/>
      <dgm:spPr/>
      <dgm:t>
        <a:bodyPr/>
        <a:lstStyle/>
        <a:p>
          <a:endParaRPr lang="en-US"/>
        </a:p>
      </dgm:t>
    </dgm:pt>
    <dgm:pt modelId="{17061AFD-2557-4B43-9B34-F4D1D82EDE72}">
      <dgm:prSet phldrT="[Text]"/>
      <dgm:spPr/>
      <dgm:t>
        <a:bodyPr/>
        <a:lstStyle/>
        <a:p>
          <a:r>
            <a:rPr lang="en-US" dirty="0" smtClean="0"/>
            <a:t>Payment Due Date</a:t>
          </a:r>
          <a:endParaRPr lang="en-US" dirty="0"/>
        </a:p>
      </dgm:t>
    </dgm:pt>
    <dgm:pt modelId="{3B4356A2-E095-44B7-91E6-4ED6E21DE10C}" type="parTrans" cxnId="{B29F530D-6744-4106-88D7-187267B0018F}">
      <dgm:prSet/>
      <dgm:spPr/>
      <dgm:t>
        <a:bodyPr/>
        <a:lstStyle/>
        <a:p>
          <a:endParaRPr lang="en-US"/>
        </a:p>
      </dgm:t>
    </dgm:pt>
    <dgm:pt modelId="{A191AEFE-FC5F-4DC2-A302-99F77B2249F9}" type="sibTrans" cxnId="{B29F530D-6744-4106-88D7-187267B0018F}">
      <dgm:prSet/>
      <dgm:spPr/>
      <dgm:t>
        <a:bodyPr/>
        <a:lstStyle/>
        <a:p>
          <a:endParaRPr lang="en-US"/>
        </a:p>
      </dgm:t>
    </dgm:pt>
    <dgm:pt modelId="{43BE8E01-C511-42E5-8477-E8FB692477A5}">
      <dgm:prSet phldrT="[Text]"/>
      <dgm:spPr/>
      <dgm:t>
        <a:bodyPr/>
        <a:lstStyle/>
        <a:p>
          <a:r>
            <a:rPr lang="en-US" dirty="0" smtClean="0"/>
            <a:t>Supplementary Card Request</a:t>
          </a:r>
          <a:endParaRPr lang="en-US" dirty="0"/>
        </a:p>
      </dgm:t>
    </dgm:pt>
    <dgm:pt modelId="{14BC7F22-2B86-4986-96DC-BCB62467B1E8}" type="parTrans" cxnId="{89E9C5CC-3F54-47DE-9B28-DDF022FF6033}">
      <dgm:prSet/>
      <dgm:spPr/>
      <dgm:t>
        <a:bodyPr/>
        <a:lstStyle/>
        <a:p>
          <a:endParaRPr lang="en-US"/>
        </a:p>
      </dgm:t>
    </dgm:pt>
    <dgm:pt modelId="{5D90010B-A5D3-4361-8404-4CEC1AC21661}" type="sibTrans" cxnId="{89E9C5CC-3F54-47DE-9B28-DDF022FF6033}">
      <dgm:prSet/>
      <dgm:spPr/>
      <dgm:t>
        <a:bodyPr/>
        <a:lstStyle/>
        <a:p>
          <a:endParaRPr lang="en-US"/>
        </a:p>
      </dgm:t>
    </dgm:pt>
    <dgm:pt modelId="{A3940087-DC6D-42B4-A7EA-86DA1468C8CA}">
      <dgm:prSet phldrT="[Text]"/>
      <dgm:spPr/>
      <dgm:t>
        <a:bodyPr/>
        <a:lstStyle/>
        <a:p>
          <a:r>
            <a:rPr lang="en-US" dirty="0" smtClean="0"/>
            <a:t>Card Replacement Request</a:t>
          </a:r>
          <a:endParaRPr lang="en-US" dirty="0"/>
        </a:p>
      </dgm:t>
    </dgm:pt>
    <dgm:pt modelId="{8B7CD2F0-B246-4066-BC8D-14A0E4FFC8D8}" type="parTrans" cxnId="{13B804C8-999F-44C2-8B57-2A1D9FC52453}">
      <dgm:prSet/>
      <dgm:spPr/>
      <dgm:t>
        <a:bodyPr/>
        <a:lstStyle/>
        <a:p>
          <a:endParaRPr lang="en-US"/>
        </a:p>
      </dgm:t>
    </dgm:pt>
    <dgm:pt modelId="{7D056F1D-5162-4F4C-879D-971A58C8499B}" type="sibTrans" cxnId="{13B804C8-999F-44C2-8B57-2A1D9FC52453}">
      <dgm:prSet/>
      <dgm:spPr/>
      <dgm:t>
        <a:bodyPr/>
        <a:lstStyle/>
        <a:p>
          <a:endParaRPr lang="en-US"/>
        </a:p>
      </dgm:t>
    </dgm:pt>
    <dgm:pt modelId="{CAA98DE0-ABE7-394E-BEB8-D4CF6ACA8280}">
      <dgm:prSet/>
      <dgm:spPr/>
      <dgm:t>
        <a:bodyPr/>
        <a:lstStyle/>
        <a:p>
          <a:r>
            <a:rPr lang="en-US" dirty="0" smtClean="0"/>
            <a:t>Master Card QR Pass</a:t>
          </a:r>
          <a:endParaRPr lang="en-US" dirty="0"/>
        </a:p>
      </dgm:t>
    </dgm:pt>
    <dgm:pt modelId="{617D48C8-B887-F74B-BB9B-E03909B8CC02}" type="parTrans" cxnId="{097B12C7-64F5-1F47-B1CD-7FC1560C39DF}">
      <dgm:prSet/>
      <dgm:spPr/>
      <dgm:t>
        <a:bodyPr/>
        <a:lstStyle/>
        <a:p>
          <a:endParaRPr lang="en-US"/>
        </a:p>
      </dgm:t>
    </dgm:pt>
    <dgm:pt modelId="{7F5ED8DD-1A97-664C-AE41-3875059C3C6C}" type="sibTrans" cxnId="{097B12C7-64F5-1F47-B1CD-7FC1560C39DF}">
      <dgm:prSet/>
      <dgm:spPr/>
      <dgm:t>
        <a:bodyPr/>
        <a:lstStyle/>
        <a:p>
          <a:endParaRPr lang="en-US"/>
        </a:p>
      </dgm:t>
    </dgm:pt>
    <dgm:pt modelId="{6C6F4883-DAB9-134A-997A-7CD728A66DBF}">
      <dgm:prSet/>
      <dgm:spPr/>
      <dgm:t>
        <a:bodyPr/>
        <a:lstStyle/>
        <a:p>
          <a:r>
            <a:rPr lang="en-US" dirty="0" smtClean="0"/>
            <a:t>Cash withdraw (</a:t>
          </a:r>
          <a:r>
            <a:rPr lang="en-US" dirty="0" err="1" smtClean="0"/>
            <a:t>cardless</a:t>
          </a:r>
          <a:r>
            <a:rPr lang="en-US" smtClean="0"/>
            <a:t>)</a:t>
          </a:r>
          <a:endParaRPr lang="en-US"/>
        </a:p>
      </dgm:t>
    </dgm:pt>
    <dgm:pt modelId="{CBAAF83E-1C63-5441-8A36-0650FDDD34F7}" type="parTrans" cxnId="{A9E65367-7351-9345-A0B7-5B5D6A196506}">
      <dgm:prSet/>
      <dgm:spPr/>
      <dgm:t>
        <a:bodyPr/>
        <a:lstStyle/>
        <a:p>
          <a:endParaRPr lang="en-US"/>
        </a:p>
      </dgm:t>
    </dgm:pt>
    <dgm:pt modelId="{539B8C27-C3B0-D64B-8018-AC670A8945A6}" type="sibTrans" cxnId="{A9E65367-7351-9345-A0B7-5B5D6A196506}">
      <dgm:prSet/>
      <dgm:spPr/>
      <dgm:t>
        <a:bodyPr/>
        <a:lstStyle/>
        <a:p>
          <a:endParaRPr lang="en-US"/>
        </a:p>
      </dgm:t>
    </dgm:pt>
    <dgm:pt modelId="{62F4B66D-20A9-4080-841B-411CEE9EC58F}" type="pres">
      <dgm:prSet presAssocID="{27FC3439-BDC0-4FB7-8FF0-9A6E87801763}" presName="layout" presStyleCnt="0">
        <dgm:presLayoutVars>
          <dgm:chMax/>
          <dgm:chPref/>
          <dgm:dir/>
          <dgm:resizeHandles/>
        </dgm:presLayoutVars>
      </dgm:prSet>
      <dgm:spPr/>
      <dgm:t>
        <a:bodyPr/>
        <a:lstStyle/>
        <a:p>
          <a:endParaRPr lang="en-US"/>
        </a:p>
      </dgm:t>
    </dgm:pt>
    <dgm:pt modelId="{9EE34F92-5CB3-4E50-BA73-BB7E079451E5}" type="pres">
      <dgm:prSet presAssocID="{67F210C3-68B6-475F-A063-CFC725683D15}" presName="root" presStyleCnt="0">
        <dgm:presLayoutVars>
          <dgm:chMax/>
          <dgm:chPref/>
        </dgm:presLayoutVars>
      </dgm:prSet>
      <dgm:spPr/>
    </dgm:pt>
    <dgm:pt modelId="{E53F0FD0-6EC2-4D53-9CD6-9FA60CDC78C3}" type="pres">
      <dgm:prSet presAssocID="{67F210C3-68B6-475F-A063-CFC725683D15}" presName="rootComposite" presStyleCnt="0">
        <dgm:presLayoutVars/>
      </dgm:prSet>
      <dgm:spPr/>
    </dgm:pt>
    <dgm:pt modelId="{EE6580FA-20FF-42F5-B9D0-3AE6E9B17D66}" type="pres">
      <dgm:prSet presAssocID="{67F210C3-68B6-475F-A063-CFC725683D15}" presName="ParentAccent" presStyleLbl="alignNode1" presStyleIdx="0" presStyleCnt="2"/>
      <dgm:spPr/>
    </dgm:pt>
    <dgm:pt modelId="{A5F2FFED-3260-4922-9C3F-5AC0708702F7}" type="pres">
      <dgm:prSet presAssocID="{67F210C3-68B6-475F-A063-CFC725683D15}" presName="ParentSmallAccent" presStyleLbl="fgAcc1" presStyleIdx="0" presStyleCnt="2"/>
      <dgm:spPr/>
    </dgm:pt>
    <dgm:pt modelId="{6BF80A62-4F37-4DBC-9E07-D6871D5F9CB6}" type="pres">
      <dgm:prSet presAssocID="{67F210C3-68B6-475F-A063-CFC725683D15}" presName="Parent" presStyleLbl="revTx" presStyleIdx="0" presStyleCnt="17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D5705B2-DFBF-4065-973F-0589F67E28D7}" type="pres">
      <dgm:prSet presAssocID="{67F210C3-68B6-475F-A063-CFC725683D15}" presName="childShape" presStyleCnt="0">
        <dgm:presLayoutVars>
          <dgm:chMax val="0"/>
          <dgm:chPref val="0"/>
        </dgm:presLayoutVars>
      </dgm:prSet>
      <dgm:spPr/>
    </dgm:pt>
    <dgm:pt modelId="{794CDAF8-A0F7-4248-9520-8B7491898187}" type="pres">
      <dgm:prSet presAssocID="{5AAF8915-419C-4671-B12A-951893BE3DB3}" presName="childComposite" presStyleCnt="0">
        <dgm:presLayoutVars>
          <dgm:chMax val="0"/>
          <dgm:chPref val="0"/>
        </dgm:presLayoutVars>
      </dgm:prSet>
      <dgm:spPr/>
    </dgm:pt>
    <dgm:pt modelId="{5323F515-0F13-408C-8D24-E304651EEA30}" type="pres">
      <dgm:prSet presAssocID="{5AAF8915-419C-4671-B12A-951893BE3DB3}" presName="ChildAccent" presStyleLbl="solidFgAcc1" presStyleIdx="0" presStyleCnt="15"/>
      <dgm:spPr/>
    </dgm:pt>
    <dgm:pt modelId="{B86283F9-6EE5-4A9D-8160-57AFD4997E01}" type="pres">
      <dgm:prSet presAssocID="{5AAF8915-419C-4671-B12A-951893BE3DB3}" presName="Child" presStyleLbl="revTx" presStyleIdx="1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3FB5CA3-D33E-4E1E-B69E-1002343D5C56}" type="pres">
      <dgm:prSet presAssocID="{EC976A1F-9C10-4717-9AD8-C215F1740DDE}" presName="childComposite" presStyleCnt="0">
        <dgm:presLayoutVars>
          <dgm:chMax val="0"/>
          <dgm:chPref val="0"/>
        </dgm:presLayoutVars>
      </dgm:prSet>
      <dgm:spPr/>
    </dgm:pt>
    <dgm:pt modelId="{5416766C-CA9C-4E93-835F-863AC36BFFBE}" type="pres">
      <dgm:prSet presAssocID="{EC976A1F-9C10-4717-9AD8-C215F1740DDE}" presName="ChildAccent" presStyleLbl="solidFgAcc1" presStyleIdx="1" presStyleCnt="15"/>
      <dgm:spPr/>
    </dgm:pt>
    <dgm:pt modelId="{CA1A8B2A-3A7F-498B-B80B-98ADEE5D2E96}" type="pres">
      <dgm:prSet presAssocID="{EC976A1F-9C10-4717-9AD8-C215F1740DDE}" presName="Child" presStyleLbl="revTx" presStyleIdx="2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6814A90-BD88-4A9F-9D34-4B10BE41327D}" type="pres">
      <dgm:prSet presAssocID="{E5766713-922C-4528-9A8D-E12443E141EC}" presName="childComposite" presStyleCnt="0">
        <dgm:presLayoutVars>
          <dgm:chMax val="0"/>
          <dgm:chPref val="0"/>
        </dgm:presLayoutVars>
      </dgm:prSet>
      <dgm:spPr/>
    </dgm:pt>
    <dgm:pt modelId="{203A641A-B68D-4460-9168-C6BBC90B672D}" type="pres">
      <dgm:prSet presAssocID="{E5766713-922C-4528-9A8D-E12443E141EC}" presName="ChildAccent" presStyleLbl="solidFgAcc1" presStyleIdx="2" presStyleCnt="15"/>
      <dgm:spPr/>
    </dgm:pt>
    <dgm:pt modelId="{1B097A9D-0402-4634-B80C-0DE1A4BFB986}" type="pres">
      <dgm:prSet presAssocID="{E5766713-922C-4528-9A8D-E12443E141EC}" presName="Child" presStyleLbl="revTx" presStyleIdx="3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E17DC9-FA38-4A8F-BCE9-6B3066C52A1B}" type="pres">
      <dgm:prSet presAssocID="{9BCC8D93-A629-40AD-A434-DF2395FE45C7}" presName="childComposite" presStyleCnt="0">
        <dgm:presLayoutVars>
          <dgm:chMax val="0"/>
          <dgm:chPref val="0"/>
        </dgm:presLayoutVars>
      </dgm:prSet>
      <dgm:spPr/>
    </dgm:pt>
    <dgm:pt modelId="{2A546279-477B-4B4E-9FE3-30D7471A2E33}" type="pres">
      <dgm:prSet presAssocID="{9BCC8D93-A629-40AD-A434-DF2395FE45C7}" presName="ChildAccent" presStyleLbl="solidFgAcc1" presStyleIdx="3" presStyleCnt="15"/>
      <dgm:spPr/>
    </dgm:pt>
    <dgm:pt modelId="{70C2B3DD-E5DE-4D93-B211-2C42612CAFE9}" type="pres">
      <dgm:prSet presAssocID="{9BCC8D93-A629-40AD-A434-DF2395FE45C7}" presName="Child" presStyleLbl="revTx" presStyleIdx="4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08E680C-A417-4103-826A-3FEC7D023D38}" type="pres">
      <dgm:prSet presAssocID="{0A20BB00-B30D-49C5-B3B6-3C26F47268CA}" presName="childComposite" presStyleCnt="0">
        <dgm:presLayoutVars>
          <dgm:chMax val="0"/>
          <dgm:chPref val="0"/>
        </dgm:presLayoutVars>
      </dgm:prSet>
      <dgm:spPr/>
    </dgm:pt>
    <dgm:pt modelId="{3ACE7179-5A07-456D-A549-DB1E848E1314}" type="pres">
      <dgm:prSet presAssocID="{0A20BB00-B30D-49C5-B3B6-3C26F47268CA}" presName="ChildAccent" presStyleLbl="solidFgAcc1" presStyleIdx="4" presStyleCnt="15"/>
      <dgm:spPr/>
    </dgm:pt>
    <dgm:pt modelId="{690E3E3D-22BC-42FD-B278-F48B2812EC65}" type="pres">
      <dgm:prSet presAssocID="{0A20BB00-B30D-49C5-B3B6-3C26F47268CA}" presName="Child" presStyleLbl="revTx" presStyleIdx="5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4A56E51-1E14-4F0A-9A94-B5093205335A}" type="pres">
      <dgm:prSet presAssocID="{8EEF22E7-6836-47C5-8E89-767D2B32C4DA}" presName="childComposite" presStyleCnt="0">
        <dgm:presLayoutVars>
          <dgm:chMax val="0"/>
          <dgm:chPref val="0"/>
        </dgm:presLayoutVars>
      </dgm:prSet>
      <dgm:spPr/>
    </dgm:pt>
    <dgm:pt modelId="{8F8AE62F-8709-499B-992C-58CE2ABDD147}" type="pres">
      <dgm:prSet presAssocID="{8EEF22E7-6836-47C5-8E89-767D2B32C4DA}" presName="ChildAccent" presStyleLbl="solidFgAcc1" presStyleIdx="5" presStyleCnt="15"/>
      <dgm:spPr/>
    </dgm:pt>
    <dgm:pt modelId="{6F23BEC7-6FE8-4C88-8AF6-8BE9A1D76F50}" type="pres">
      <dgm:prSet presAssocID="{8EEF22E7-6836-47C5-8E89-767D2B32C4DA}" presName="Child" presStyleLbl="revTx" presStyleIdx="6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89199A1-1DC4-4C6F-9EF8-929607211D13}" type="pres">
      <dgm:prSet presAssocID="{7F057B03-0C8A-474A-815D-12E673E6ECD2}" presName="childComposite" presStyleCnt="0">
        <dgm:presLayoutVars>
          <dgm:chMax val="0"/>
          <dgm:chPref val="0"/>
        </dgm:presLayoutVars>
      </dgm:prSet>
      <dgm:spPr/>
    </dgm:pt>
    <dgm:pt modelId="{152B128E-23B9-461B-B0D9-8E8F70810802}" type="pres">
      <dgm:prSet presAssocID="{7F057B03-0C8A-474A-815D-12E673E6ECD2}" presName="ChildAccent" presStyleLbl="solidFgAcc1" presStyleIdx="6" presStyleCnt="15"/>
      <dgm:spPr/>
    </dgm:pt>
    <dgm:pt modelId="{752ACE5F-9BE2-4F49-8550-7DD46DD4030B}" type="pres">
      <dgm:prSet presAssocID="{7F057B03-0C8A-474A-815D-12E673E6ECD2}" presName="Child" presStyleLbl="revTx" presStyleIdx="7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688D69B-1A20-4B61-B9B3-35D2D541E220}" type="pres">
      <dgm:prSet presAssocID="{17061AFD-2557-4B43-9B34-F4D1D82EDE72}" presName="childComposite" presStyleCnt="0">
        <dgm:presLayoutVars>
          <dgm:chMax val="0"/>
          <dgm:chPref val="0"/>
        </dgm:presLayoutVars>
      </dgm:prSet>
      <dgm:spPr/>
    </dgm:pt>
    <dgm:pt modelId="{954D4832-DB4F-4837-B57C-5802BFA4CE87}" type="pres">
      <dgm:prSet presAssocID="{17061AFD-2557-4B43-9B34-F4D1D82EDE72}" presName="ChildAccent" presStyleLbl="solidFgAcc1" presStyleIdx="7" presStyleCnt="15"/>
      <dgm:spPr/>
    </dgm:pt>
    <dgm:pt modelId="{4044CCDE-C764-4F96-872D-C80390B122B2}" type="pres">
      <dgm:prSet presAssocID="{17061AFD-2557-4B43-9B34-F4D1D82EDE72}" presName="Child" presStyleLbl="revTx" presStyleIdx="8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18B630C-AF3F-4137-B5F9-2D6A523C24E2}" type="pres">
      <dgm:prSet presAssocID="{162B5AD4-B964-4997-8B07-D666833B042B}" presName="root" presStyleCnt="0">
        <dgm:presLayoutVars>
          <dgm:chMax/>
          <dgm:chPref/>
        </dgm:presLayoutVars>
      </dgm:prSet>
      <dgm:spPr/>
    </dgm:pt>
    <dgm:pt modelId="{A710307B-0FA9-4ED0-BC45-AA393F28E948}" type="pres">
      <dgm:prSet presAssocID="{162B5AD4-B964-4997-8B07-D666833B042B}" presName="rootComposite" presStyleCnt="0">
        <dgm:presLayoutVars/>
      </dgm:prSet>
      <dgm:spPr/>
    </dgm:pt>
    <dgm:pt modelId="{31930DDC-9379-4CFE-84B6-403D8DA4EE3C}" type="pres">
      <dgm:prSet presAssocID="{162B5AD4-B964-4997-8B07-D666833B042B}" presName="ParentAccent" presStyleLbl="alignNode1" presStyleIdx="1" presStyleCnt="2"/>
      <dgm:spPr/>
    </dgm:pt>
    <dgm:pt modelId="{8C997A84-7BBB-454D-827E-C58C73AFA1EA}" type="pres">
      <dgm:prSet presAssocID="{162B5AD4-B964-4997-8B07-D666833B042B}" presName="ParentSmallAccent" presStyleLbl="fgAcc1" presStyleIdx="1" presStyleCnt="2"/>
      <dgm:spPr/>
    </dgm:pt>
    <dgm:pt modelId="{E77709CD-B11B-47C6-9DE2-45C96B654159}" type="pres">
      <dgm:prSet presAssocID="{162B5AD4-B964-4997-8B07-D666833B042B}" presName="Parent" presStyleLbl="revTx" presStyleIdx="9" presStyleCnt="17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ED0B1AA-E619-4CDD-AA69-480A9A549567}" type="pres">
      <dgm:prSet presAssocID="{162B5AD4-B964-4997-8B07-D666833B042B}" presName="childShape" presStyleCnt="0">
        <dgm:presLayoutVars>
          <dgm:chMax val="0"/>
          <dgm:chPref val="0"/>
        </dgm:presLayoutVars>
      </dgm:prSet>
      <dgm:spPr/>
    </dgm:pt>
    <dgm:pt modelId="{DDBA050E-9D4D-4FF1-8367-60CD948B355F}" type="pres">
      <dgm:prSet presAssocID="{FC8E94FC-B04C-40C2-90B3-79311DD0DE9F}" presName="childComposite" presStyleCnt="0">
        <dgm:presLayoutVars>
          <dgm:chMax val="0"/>
          <dgm:chPref val="0"/>
        </dgm:presLayoutVars>
      </dgm:prSet>
      <dgm:spPr/>
    </dgm:pt>
    <dgm:pt modelId="{13825A37-883B-4F23-AFC9-DC86ADDFFB1F}" type="pres">
      <dgm:prSet presAssocID="{FC8E94FC-B04C-40C2-90B3-79311DD0DE9F}" presName="ChildAccent" presStyleLbl="solidFgAcc1" presStyleIdx="8" presStyleCnt="15"/>
      <dgm:spPr/>
    </dgm:pt>
    <dgm:pt modelId="{F837B0F1-0758-4AA6-AAB1-2F6A0E98E331}" type="pres">
      <dgm:prSet presAssocID="{FC8E94FC-B04C-40C2-90B3-79311DD0DE9F}" presName="Child" presStyleLbl="revTx" presStyleIdx="10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670F82E-C1BC-4B94-A306-30D7928CD873}" type="pres">
      <dgm:prSet presAssocID="{AA367108-7549-47DE-B3FA-4E7DC8B45C17}" presName="childComposite" presStyleCnt="0">
        <dgm:presLayoutVars>
          <dgm:chMax val="0"/>
          <dgm:chPref val="0"/>
        </dgm:presLayoutVars>
      </dgm:prSet>
      <dgm:spPr/>
    </dgm:pt>
    <dgm:pt modelId="{EB3E1D36-94DB-4EAA-95DB-5F306D207456}" type="pres">
      <dgm:prSet presAssocID="{AA367108-7549-47DE-B3FA-4E7DC8B45C17}" presName="ChildAccent" presStyleLbl="solidFgAcc1" presStyleIdx="9" presStyleCnt="15"/>
      <dgm:spPr/>
    </dgm:pt>
    <dgm:pt modelId="{C721A439-08AB-4380-BB73-13D20BF66B02}" type="pres">
      <dgm:prSet presAssocID="{AA367108-7549-47DE-B3FA-4E7DC8B45C17}" presName="Child" presStyleLbl="revTx" presStyleIdx="11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C60BB1A-711B-4553-A8A2-48267495A587}" type="pres">
      <dgm:prSet presAssocID="{536012C5-2581-4984-A1FD-0166D63F06BB}" presName="childComposite" presStyleCnt="0">
        <dgm:presLayoutVars>
          <dgm:chMax val="0"/>
          <dgm:chPref val="0"/>
        </dgm:presLayoutVars>
      </dgm:prSet>
      <dgm:spPr/>
    </dgm:pt>
    <dgm:pt modelId="{4DD3D534-E31F-47A7-981E-5B2813A2D315}" type="pres">
      <dgm:prSet presAssocID="{536012C5-2581-4984-A1FD-0166D63F06BB}" presName="ChildAccent" presStyleLbl="solidFgAcc1" presStyleIdx="10" presStyleCnt="15"/>
      <dgm:spPr/>
    </dgm:pt>
    <dgm:pt modelId="{2EF226DC-AB5D-4A8C-91E7-F0F68626BF8E}" type="pres">
      <dgm:prSet presAssocID="{536012C5-2581-4984-A1FD-0166D63F06BB}" presName="Child" presStyleLbl="revTx" presStyleIdx="12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CF8C124-7ADC-411D-B13E-2096E5570593}" type="pres">
      <dgm:prSet presAssocID="{43BE8E01-C511-42E5-8477-E8FB692477A5}" presName="childComposite" presStyleCnt="0">
        <dgm:presLayoutVars>
          <dgm:chMax val="0"/>
          <dgm:chPref val="0"/>
        </dgm:presLayoutVars>
      </dgm:prSet>
      <dgm:spPr/>
    </dgm:pt>
    <dgm:pt modelId="{662BAA20-CCC6-492D-A419-1031557B69C1}" type="pres">
      <dgm:prSet presAssocID="{43BE8E01-C511-42E5-8477-E8FB692477A5}" presName="ChildAccent" presStyleLbl="solidFgAcc1" presStyleIdx="11" presStyleCnt="15"/>
      <dgm:spPr/>
    </dgm:pt>
    <dgm:pt modelId="{531A24E3-8250-4BCC-BA81-EA01228095B5}" type="pres">
      <dgm:prSet presAssocID="{43BE8E01-C511-42E5-8477-E8FB692477A5}" presName="Child" presStyleLbl="revTx" presStyleIdx="13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F4C7539-A87A-4C48-A671-D813BA6F55EA}" type="pres">
      <dgm:prSet presAssocID="{A3940087-DC6D-42B4-A7EA-86DA1468C8CA}" presName="childComposite" presStyleCnt="0">
        <dgm:presLayoutVars>
          <dgm:chMax val="0"/>
          <dgm:chPref val="0"/>
        </dgm:presLayoutVars>
      </dgm:prSet>
      <dgm:spPr/>
    </dgm:pt>
    <dgm:pt modelId="{A64462F3-63BB-4A40-BF6E-624BFC60E4CC}" type="pres">
      <dgm:prSet presAssocID="{A3940087-DC6D-42B4-A7EA-86DA1468C8CA}" presName="ChildAccent" presStyleLbl="solidFgAcc1" presStyleIdx="12" presStyleCnt="15"/>
      <dgm:spPr/>
    </dgm:pt>
    <dgm:pt modelId="{657B151E-6BA2-490B-BDFC-562E29D34721}" type="pres">
      <dgm:prSet presAssocID="{A3940087-DC6D-42B4-A7EA-86DA1468C8CA}" presName="Child" presStyleLbl="revTx" presStyleIdx="14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30118E6-3DAC-6247-BF03-D123DAAD4C38}" type="pres">
      <dgm:prSet presAssocID="{CAA98DE0-ABE7-394E-BEB8-D4CF6ACA8280}" presName="childComposite" presStyleCnt="0">
        <dgm:presLayoutVars>
          <dgm:chMax val="0"/>
          <dgm:chPref val="0"/>
        </dgm:presLayoutVars>
      </dgm:prSet>
      <dgm:spPr/>
    </dgm:pt>
    <dgm:pt modelId="{8D47415D-9394-ED49-B6FF-3663B30593C5}" type="pres">
      <dgm:prSet presAssocID="{CAA98DE0-ABE7-394E-BEB8-D4CF6ACA8280}" presName="ChildAccent" presStyleLbl="solidFgAcc1" presStyleIdx="13" presStyleCnt="15"/>
      <dgm:spPr/>
    </dgm:pt>
    <dgm:pt modelId="{CD129DBA-5D11-2D4D-8514-792C5BCD7E0F}" type="pres">
      <dgm:prSet presAssocID="{CAA98DE0-ABE7-394E-BEB8-D4CF6ACA8280}" presName="Child" presStyleLbl="revTx" presStyleIdx="15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40A011-E0A8-6443-A386-F2E1BC083183}" type="pres">
      <dgm:prSet presAssocID="{6C6F4883-DAB9-134A-997A-7CD728A66DBF}" presName="childComposite" presStyleCnt="0">
        <dgm:presLayoutVars>
          <dgm:chMax val="0"/>
          <dgm:chPref val="0"/>
        </dgm:presLayoutVars>
      </dgm:prSet>
      <dgm:spPr/>
    </dgm:pt>
    <dgm:pt modelId="{994DBF34-C38F-D940-BC81-2C63591297EB}" type="pres">
      <dgm:prSet presAssocID="{6C6F4883-DAB9-134A-997A-7CD728A66DBF}" presName="ChildAccent" presStyleLbl="solidFgAcc1" presStyleIdx="14" presStyleCnt="15"/>
      <dgm:spPr/>
    </dgm:pt>
    <dgm:pt modelId="{390D97CD-C098-7642-8ECF-1BA55415C49C}" type="pres">
      <dgm:prSet presAssocID="{6C6F4883-DAB9-134A-997A-7CD728A66DBF}" presName="Child" presStyleLbl="revTx" presStyleIdx="16" presStyleCnt="1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750777D-D6AB-4F13-AC50-DEE9CA5577D3}" srcId="{162B5AD4-B964-4997-8B07-D666833B042B}" destId="{536012C5-2581-4984-A1FD-0166D63F06BB}" srcOrd="2" destOrd="0" parTransId="{C53BF6D6-1982-4310-BF9E-CFA5515FD0A7}" sibTransId="{42113833-3072-4C0D-BA59-345074E45036}"/>
    <dgm:cxn modelId="{6CD166D9-D80A-1D4B-836C-482C2563AA68}" type="presOf" srcId="{E5766713-922C-4528-9A8D-E12443E141EC}" destId="{1B097A9D-0402-4634-B80C-0DE1A4BFB986}" srcOrd="0" destOrd="0" presId="urn:microsoft.com/office/officeart/2008/layout/SquareAccentList"/>
    <dgm:cxn modelId="{DD594AD4-6233-9F4B-A495-C8FEF5E951CA}" type="presOf" srcId="{8EEF22E7-6836-47C5-8E89-767D2B32C4DA}" destId="{6F23BEC7-6FE8-4C88-8AF6-8BE9A1D76F50}" srcOrd="0" destOrd="0" presId="urn:microsoft.com/office/officeart/2008/layout/SquareAccentList"/>
    <dgm:cxn modelId="{B29F530D-6744-4106-88D7-187267B0018F}" srcId="{67F210C3-68B6-475F-A063-CFC725683D15}" destId="{17061AFD-2557-4B43-9B34-F4D1D82EDE72}" srcOrd="7" destOrd="0" parTransId="{3B4356A2-E095-44B7-91E6-4ED6E21DE10C}" sibTransId="{A191AEFE-FC5F-4DC2-A302-99F77B2249F9}"/>
    <dgm:cxn modelId="{2AAE1A7D-6338-9746-B3AE-BF5FE3EC7AF4}" type="presOf" srcId="{162B5AD4-B964-4997-8B07-D666833B042B}" destId="{E77709CD-B11B-47C6-9DE2-45C96B654159}" srcOrd="0" destOrd="0" presId="urn:microsoft.com/office/officeart/2008/layout/SquareAccentList"/>
    <dgm:cxn modelId="{B97DF6C6-03B5-414B-9459-60702A496D13}" type="presOf" srcId="{67F210C3-68B6-475F-A063-CFC725683D15}" destId="{6BF80A62-4F37-4DBC-9E07-D6871D5F9CB6}" srcOrd="0" destOrd="0" presId="urn:microsoft.com/office/officeart/2008/layout/SquareAccentList"/>
    <dgm:cxn modelId="{EB7B273A-55A8-3249-8BEF-B548B439B14E}" type="presOf" srcId="{6C6F4883-DAB9-134A-997A-7CD728A66DBF}" destId="{390D97CD-C098-7642-8ECF-1BA55415C49C}" srcOrd="0" destOrd="0" presId="urn:microsoft.com/office/officeart/2008/layout/SquareAccentList"/>
    <dgm:cxn modelId="{0F5746FA-0947-4A46-83D0-BE65ED824F06}" type="presOf" srcId="{EC976A1F-9C10-4717-9AD8-C215F1740DDE}" destId="{CA1A8B2A-3A7F-498B-B80B-98ADEE5D2E96}" srcOrd="0" destOrd="0" presId="urn:microsoft.com/office/officeart/2008/layout/SquareAccentList"/>
    <dgm:cxn modelId="{4F3F4D68-501B-49A9-8385-72C9338007BF}" srcId="{162B5AD4-B964-4997-8B07-D666833B042B}" destId="{FC8E94FC-B04C-40C2-90B3-79311DD0DE9F}" srcOrd="0" destOrd="0" parTransId="{F47EB850-A76D-445D-B9B2-AF2C4CC9D704}" sibTransId="{6B2D4DCD-019C-4C63-8FE4-F76DEA9B8F59}"/>
    <dgm:cxn modelId="{3FB37D26-9CB0-4692-92E4-34D9A986E40C}" srcId="{67F210C3-68B6-475F-A063-CFC725683D15}" destId="{9BCC8D93-A629-40AD-A434-DF2395FE45C7}" srcOrd="3" destOrd="0" parTransId="{EF08B0BE-7BB5-4D9C-975D-A0FEC6E91F21}" sibTransId="{BFC43DA9-CB62-4E4F-8F3A-3F75E29F1C10}"/>
    <dgm:cxn modelId="{80D741B4-8C0E-1349-9F48-F77C7DABDFF7}" type="presOf" srcId="{FC8E94FC-B04C-40C2-90B3-79311DD0DE9F}" destId="{F837B0F1-0758-4AA6-AAB1-2F6A0E98E331}" srcOrd="0" destOrd="0" presId="urn:microsoft.com/office/officeart/2008/layout/SquareAccentList"/>
    <dgm:cxn modelId="{3821EB75-C660-5945-94BC-0281C5AA51FC}" type="presOf" srcId="{0A20BB00-B30D-49C5-B3B6-3C26F47268CA}" destId="{690E3E3D-22BC-42FD-B278-F48B2812EC65}" srcOrd="0" destOrd="0" presId="urn:microsoft.com/office/officeart/2008/layout/SquareAccentList"/>
    <dgm:cxn modelId="{097B12C7-64F5-1F47-B1CD-7FC1560C39DF}" srcId="{162B5AD4-B964-4997-8B07-D666833B042B}" destId="{CAA98DE0-ABE7-394E-BEB8-D4CF6ACA8280}" srcOrd="5" destOrd="0" parTransId="{617D48C8-B887-F74B-BB9B-E03909B8CC02}" sibTransId="{7F5ED8DD-1A97-664C-AE41-3875059C3C6C}"/>
    <dgm:cxn modelId="{B16BB9D6-DB95-4DB4-B77F-256B80C6E9E3}" srcId="{27FC3439-BDC0-4FB7-8FF0-9A6E87801763}" destId="{67F210C3-68B6-475F-A063-CFC725683D15}" srcOrd="0" destOrd="0" parTransId="{FBEF45E3-967E-43A4-A175-6F8EEA49F824}" sibTransId="{016F90E3-E12A-4220-ABB9-DE025B511A58}"/>
    <dgm:cxn modelId="{CBBE2EAE-9879-694D-A9DA-590BEBCFD69D}" type="presOf" srcId="{43BE8E01-C511-42E5-8477-E8FB692477A5}" destId="{531A24E3-8250-4BCC-BA81-EA01228095B5}" srcOrd="0" destOrd="0" presId="urn:microsoft.com/office/officeart/2008/layout/SquareAccentList"/>
    <dgm:cxn modelId="{6594D16B-B70F-C04B-9E83-7D21E00C7684}" type="presOf" srcId="{17061AFD-2557-4B43-9B34-F4D1D82EDE72}" destId="{4044CCDE-C764-4F96-872D-C80390B122B2}" srcOrd="0" destOrd="0" presId="urn:microsoft.com/office/officeart/2008/layout/SquareAccentList"/>
    <dgm:cxn modelId="{D2663980-C89C-3A43-863B-330C7A838DCA}" type="presOf" srcId="{27FC3439-BDC0-4FB7-8FF0-9A6E87801763}" destId="{62F4B66D-20A9-4080-841B-411CEE9EC58F}" srcOrd="0" destOrd="0" presId="urn:microsoft.com/office/officeart/2008/layout/SquareAccentList"/>
    <dgm:cxn modelId="{7EFEFBBC-0C64-2D47-932C-976BBD3DE0DC}" type="presOf" srcId="{AA367108-7549-47DE-B3FA-4E7DC8B45C17}" destId="{C721A439-08AB-4380-BB73-13D20BF66B02}" srcOrd="0" destOrd="0" presId="urn:microsoft.com/office/officeart/2008/layout/SquareAccentList"/>
    <dgm:cxn modelId="{3CD8C4D5-60A2-604F-AF66-36EFCB6ADED2}" type="presOf" srcId="{CAA98DE0-ABE7-394E-BEB8-D4CF6ACA8280}" destId="{CD129DBA-5D11-2D4D-8514-792C5BCD7E0F}" srcOrd="0" destOrd="0" presId="urn:microsoft.com/office/officeart/2008/layout/SquareAccentList"/>
    <dgm:cxn modelId="{A8EE0206-36F9-AA4E-9C3A-FDD0A4DEE240}" type="presOf" srcId="{536012C5-2581-4984-A1FD-0166D63F06BB}" destId="{2EF226DC-AB5D-4A8C-91E7-F0F68626BF8E}" srcOrd="0" destOrd="0" presId="urn:microsoft.com/office/officeart/2008/layout/SquareAccentList"/>
    <dgm:cxn modelId="{EDCCBCF2-C5B0-41FF-82DC-4D2DB052B339}" srcId="{162B5AD4-B964-4997-8B07-D666833B042B}" destId="{AA367108-7549-47DE-B3FA-4E7DC8B45C17}" srcOrd="1" destOrd="0" parTransId="{53283012-3478-423A-960C-6A044FFE638F}" sibTransId="{D7AD4E54-E926-4D9E-A3D8-4CCA5F263C2B}"/>
    <dgm:cxn modelId="{13B804C8-999F-44C2-8B57-2A1D9FC52453}" srcId="{162B5AD4-B964-4997-8B07-D666833B042B}" destId="{A3940087-DC6D-42B4-A7EA-86DA1468C8CA}" srcOrd="4" destOrd="0" parTransId="{8B7CD2F0-B246-4066-BC8D-14A0E4FFC8D8}" sibTransId="{7D056F1D-5162-4F4C-879D-971A58C8499B}"/>
    <dgm:cxn modelId="{C46B2831-B5E2-4485-9493-1F95D28D5296}" srcId="{67F210C3-68B6-475F-A063-CFC725683D15}" destId="{0A20BB00-B30D-49C5-B3B6-3C26F47268CA}" srcOrd="4" destOrd="0" parTransId="{89BFF413-80C6-4810-B0FE-198CAA0D0E07}" sibTransId="{4D8922BF-0C0B-4550-B5DE-D665E8743014}"/>
    <dgm:cxn modelId="{C41E6E97-B2B3-0045-AED8-AA78E37FD6C9}" type="presOf" srcId="{7F057B03-0C8A-474A-815D-12E673E6ECD2}" destId="{752ACE5F-9BE2-4F49-8550-7DD46DD4030B}" srcOrd="0" destOrd="0" presId="urn:microsoft.com/office/officeart/2008/layout/SquareAccentList"/>
    <dgm:cxn modelId="{313D54DA-DFA3-41BF-948F-A8B40CD7DFE4}" srcId="{67F210C3-68B6-475F-A063-CFC725683D15}" destId="{E5766713-922C-4528-9A8D-E12443E141EC}" srcOrd="2" destOrd="0" parTransId="{63633452-3B4D-4F4B-B693-299E8341CCF2}" sibTransId="{24156A11-8B3A-4CAF-BEE6-F73E0553718F}"/>
    <dgm:cxn modelId="{89E9C5CC-3F54-47DE-9B28-DDF022FF6033}" srcId="{162B5AD4-B964-4997-8B07-D666833B042B}" destId="{43BE8E01-C511-42E5-8477-E8FB692477A5}" srcOrd="3" destOrd="0" parTransId="{14BC7F22-2B86-4986-96DC-BCB62467B1E8}" sibTransId="{5D90010B-A5D3-4361-8404-4CEC1AC21661}"/>
    <dgm:cxn modelId="{DDA37DB1-D5B9-294E-864D-0F8663BCFECC}" type="presOf" srcId="{A3940087-DC6D-42B4-A7EA-86DA1468C8CA}" destId="{657B151E-6BA2-490B-BDFC-562E29D34721}" srcOrd="0" destOrd="0" presId="urn:microsoft.com/office/officeart/2008/layout/SquareAccentList"/>
    <dgm:cxn modelId="{A9E65367-7351-9345-A0B7-5B5D6A196506}" srcId="{162B5AD4-B964-4997-8B07-D666833B042B}" destId="{6C6F4883-DAB9-134A-997A-7CD728A66DBF}" srcOrd="6" destOrd="0" parTransId="{CBAAF83E-1C63-5441-8A36-0650FDDD34F7}" sibTransId="{539B8C27-C3B0-D64B-8018-AC670A8945A6}"/>
    <dgm:cxn modelId="{D0BDE5A8-BF27-42A8-960E-F87607D358B4}" srcId="{67F210C3-68B6-475F-A063-CFC725683D15}" destId="{7F057B03-0C8A-474A-815D-12E673E6ECD2}" srcOrd="6" destOrd="0" parTransId="{3100B7D6-A83D-4288-9135-1C32B1A38A71}" sibTransId="{F8C86077-83ED-45AF-8F69-1D61C68615AB}"/>
    <dgm:cxn modelId="{EB997715-0116-4578-99D6-63626454E023}" srcId="{67F210C3-68B6-475F-A063-CFC725683D15}" destId="{8EEF22E7-6836-47C5-8E89-767D2B32C4DA}" srcOrd="5" destOrd="0" parTransId="{9C32C676-F26C-482A-80AC-4C5AC5444DE7}" sibTransId="{C7005971-F9C9-4CC8-80B3-45DA72FE13CF}"/>
    <dgm:cxn modelId="{5BEFE02D-9306-4C22-91B0-9A7B27E06115}" srcId="{67F210C3-68B6-475F-A063-CFC725683D15}" destId="{5AAF8915-419C-4671-B12A-951893BE3DB3}" srcOrd="0" destOrd="0" parTransId="{0BA0A969-FB45-43FC-82B0-D7201B799365}" sibTransId="{D11DA02F-7E3B-4B5E-81D0-63B1F340086F}"/>
    <dgm:cxn modelId="{3DF680DB-C17D-4FE1-B400-E02F16DF1ED1}" srcId="{27FC3439-BDC0-4FB7-8FF0-9A6E87801763}" destId="{162B5AD4-B964-4997-8B07-D666833B042B}" srcOrd="1" destOrd="0" parTransId="{2CC9B4C8-FA82-4AA8-99F0-354BEF65EA6C}" sibTransId="{D3016759-03F4-45C4-B3CE-319BE4CEB638}"/>
    <dgm:cxn modelId="{F51589EE-F3E4-4F4D-BF30-65B45560C12F}" type="presOf" srcId="{5AAF8915-419C-4671-B12A-951893BE3DB3}" destId="{B86283F9-6EE5-4A9D-8160-57AFD4997E01}" srcOrd="0" destOrd="0" presId="urn:microsoft.com/office/officeart/2008/layout/SquareAccentList"/>
    <dgm:cxn modelId="{509FF9DB-9BCC-DA4B-B8C7-992EC1707770}" type="presOf" srcId="{9BCC8D93-A629-40AD-A434-DF2395FE45C7}" destId="{70C2B3DD-E5DE-4D93-B211-2C42612CAFE9}" srcOrd="0" destOrd="0" presId="urn:microsoft.com/office/officeart/2008/layout/SquareAccentList"/>
    <dgm:cxn modelId="{DF8D77D9-D1CD-4E98-9B69-31F9E67EF1E4}" srcId="{67F210C3-68B6-475F-A063-CFC725683D15}" destId="{EC976A1F-9C10-4717-9AD8-C215F1740DDE}" srcOrd="1" destOrd="0" parTransId="{82B73C97-41AC-4D6A-8B38-20D2785EE4F3}" sibTransId="{CCCA2C32-87ED-4B27-AC66-D276AB27C8E8}"/>
    <dgm:cxn modelId="{D6C783EB-206F-C148-919C-EFA2F3C4F5E8}" type="presParOf" srcId="{62F4B66D-20A9-4080-841B-411CEE9EC58F}" destId="{9EE34F92-5CB3-4E50-BA73-BB7E079451E5}" srcOrd="0" destOrd="0" presId="urn:microsoft.com/office/officeart/2008/layout/SquareAccentList"/>
    <dgm:cxn modelId="{DF8CBC58-C811-534A-AD59-99663BC4188B}" type="presParOf" srcId="{9EE34F92-5CB3-4E50-BA73-BB7E079451E5}" destId="{E53F0FD0-6EC2-4D53-9CD6-9FA60CDC78C3}" srcOrd="0" destOrd="0" presId="urn:microsoft.com/office/officeart/2008/layout/SquareAccentList"/>
    <dgm:cxn modelId="{D906529F-9794-E148-B738-3C154632842C}" type="presParOf" srcId="{E53F0FD0-6EC2-4D53-9CD6-9FA60CDC78C3}" destId="{EE6580FA-20FF-42F5-B9D0-3AE6E9B17D66}" srcOrd="0" destOrd="0" presId="urn:microsoft.com/office/officeart/2008/layout/SquareAccentList"/>
    <dgm:cxn modelId="{003A2E58-9EED-5C4A-9A84-4AC2BCDB8E9F}" type="presParOf" srcId="{E53F0FD0-6EC2-4D53-9CD6-9FA60CDC78C3}" destId="{A5F2FFED-3260-4922-9C3F-5AC0708702F7}" srcOrd="1" destOrd="0" presId="urn:microsoft.com/office/officeart/2008/layout/SquareAccentList"/>
    <dgm:cxn modelId="{3B96D54E-FED1-264E-B2EB-E91FDA4C2416}" type="presParOf" srcId="{E53F0FD0-6EC2-4D53-9CD6-9FA60CDC78C3}" destId="{6BF80A62-4F37-4DBC-9E07-D6871D5F9CB6}" srcOrd="2" destOrd="0" presId="urn:microsoft.com/office/officeart/2008/layout/SquareAccentList"/>
    <dgm:cxn modelId="{B108165D-6FBE-724B-A066-F2146268F1A3}" type="presParOf" srcId="{9EE34F92-5CB3-4E50-BA73-BB7E079451E5}" destId="{2D5705B2-DFBF-4065-973F-0589F67E28D7}" srcOrd="1" destOrd="0" presId="urn:microsoft.com/office/officeart/2008/layout/SquareAccentList"/>
    <dgm:cxn modelId="{6CFF0317-D996-684C-8C94-AFB80DD65DB6}" type="presParOf" srcId="{2D5705B2-DFBF-4065-973F-0589F67E28D7}" destId="{794CDAF8-A0F7-4248-9520-8B7491898187}" srcOrd="0" destOrd="0" presId="urn:microsoft.com/office/officeart/2008/layout/SquareAccentList"/>
    <dgm:cxn modelId="{FA2AB858-94B8-794D-BFEC-CB06E8FA256D}" type="presParOf" srcId="{794CDAF8-A0F7-4248-9520-8B7491898187}" destId="{5323F515-0F13-408C-8D24-E304651EEA30}" srcOrd="0" destOrd="0" presId="urn:microsoft.com/office/officeart/2008/layout/SquareAccentList"/>
    <dgm:cxn modelId="{634A37B9-8312-3744-8B58-DDF30CB90D1F}" type="presParOf" srcId="{794CDAF8-A0F7-4248-9520-8B7491898187}" destId="{B86283F9-6EE5-4A9D-8160-57AFD4997E01}" srcOrd="1" destOrd="0" presId="urn:microsoft.com/office/officeart/2008/layout/SquareAccentList"/>
    <dgm:cxn modelId="{70D2F660-7A16-0F40-ACFF-9ADAB590E1AA}" type="presParOf" srcId="{2D5705B2-DFBF-4065-973F-0589F67E28D7}" destId="{63FB5CA3-D33E-4E1E-B69E-1002343D5C56}" srcOrd="1" destOrd="0" presId="urn:microsoft.com/office/officeart/2008/layout/SquareAccentList"/>
    <dgm:cxn modelId="{7641372F-FF98-CC49-9EB2-C6D2AD894D52}" type="presParOf" srcId="{63FB5CA3-D33E-4E1E-B69E-1002343D5C56}" destId="{5416766C-CA9C-4E93-835F-863AC36BFFBE}" srcOrd="0" destOrd="0" presId="urn:microsoft.com/office/officeart/2008/layout/SquareAccentList"/>
    <dgm:cxn modelId="{936477CC-1687-014F-86A1-DA1B7B324BDE}" type="presParOf" srcId="{63FB5CA3-D33E-4E1E-B69E-1002343D5C56}" destId="{CA1A8B2A-3A7F-498B-B80B-98ADEE5D2E96}" srcOrd="1" destOrd="0" presId="urn:microsoft.com/office/officeart/2008/layout/SquareAccentList"/>
    <dgm:cxn modelId="{8EC01B76-B098-C14D-ABB8-7B4A3233B899}" type="presParOf" srcId="{2D5705B2-DFBF-4065-973F-0589F67E28D7}" destId="{26814A90-BD88-4A9F-9D34-4B10BE41327D}" srcOrd="2" destOrd="0" presId="urn:microsoft.com/office/officeart/2008/layout/SquareAccentList"/>
    <dgm:cxn modelId="{EF9C4E33-AE0C-4D49-BA9A-A6CA2581B661}" type="presParOf" srcId="{26814A90-BD88-4A9F-9D34-4B10BE41327D}" destId="{203A641A-B68D-4460-9168-C6BBC90B672D}" srcOrd="0" destOrd="0" presId="urn:microsoft.com/office/officeart/2008/layout/SquareAccentList"/>
    <dgm:cxn modelId="{658C03F6-FBCB-CE4A-ACD5-2AFC48F11123}" type="presParOf" srcId="{26814A90-BD88-4A9F-9D34-4B10BE41327D}" destId="{1B097A9D-0402-4634-B80C-0DE1A4BFB986}" srcOrd="1" destOrd="0" presId="urn:microsoft.com/office/officeart/2008/layout/SquareAccentList"/>
    <dgm:cxn modelId="{62AE2EB5-C534-F24E-83AA-F06AEBF4F95C}" type="presParOf" srcId="{2D5705B2-DFBF-4065-973F-0589F67E28D7}" destId="{2FE17DC9-FA38-4A8F-BCE9-6B3066C52A1B}" srcOrd="3" destOrd="0" presId="urn:microsoft.com/office/officeart/2008/layout/SquareAccentList"/>
    <dgm:cxn modelId="{8E9F8307-2DBA-6146-AA0D-B12757E4946D}" type="presParOf" srcId="{2FE17DC9-FA38-4A8F-BCE9-6B3066C52A1B}" destId="{2A546279-477B-4B4E-9FE3-30D7471A2E33}" srcOrd="0" destOrd="0" presId="urn:microsoft.com/office/officeart/2008/layout/SquareAccentList"/>
    <dgm:cxn modelId="{A8CC0D34-C90C-5C44-8467-097C50B329E4}" type="presParOf" srcId="{2FE17DC9-FA38-4A8F-BCE9-6B3066C52A1B}" destId="{70C2B3DD-E5DE-4D93-B211-2C42612CAFE9}" srcOrd="1" destOrd="0" presId="urn:microsoft.com/office/officeart/2008/layout/SquareAccentList"/>
    <dgm:cxn modelId="{3B414832-726A-A847-B727-FE1E401A29D4}" type="presParOf" srcId="{2D5705B2-DFBF-4065-973F-0589F67E28D7}" destId="{108E680C-A417-4103-826A-3FEC7D023D38}" srcOrd="4" destOrd="0" presId="urn:microsoft.com/office/officeart/2008/layout/SquareAccentList"/>
    <dgm:cxn modelId="{265EB3AB-FF3F-6C42-B7F6-F36F82ADA371}" type="presParOf" srcId="{108E680C-A417-4103-826A-3FEC7D023D38}" destId="{3ACE7179-5A07-456D-A549-DB1E848E1314}" srcOrd="0" destOrd="0" presId="urn:microsoft.com/office/officeart/2008/layout/SquareAccentList"/>
    <dgm:cxn modelId="{2AA2804D-63DD-504D-B682-806BE3D22BFD}" type="presParOf" srcId="{108E680C-A417-4103-826A-3FEC7D023D38}" destId="{690E3E3D-22BC-42FD-B278-F48B2812EC65}" srcOrd="1" destOrd="0" presId="urn:microsoft.com/office/officeart/2008/layout/SquareAccentList"/>
    <dgm:cxn modelId="{A9DE5C02-6995-D747-9AE7-5CC468018F94}" type="presParOf" srcId="{2D5705B2-DFBF-4065-973F-0589F67E28D7}" destId="{D4A56E51-1E14-4F0A-9A94-B5093205335A}" srcOrd="5" destOrd="0" presId="urn:microsoft.com/office/officeart/2008/layout/SquareAccentList"/>
    <dgm:cxn modelId="{7C2097FF-A239-464C-9A0E-04566A49A76F}" type="presParOf" srcId="{D4A56E51-1E14-4F0A-9A94-B5093205335A}" destId="{8F8AE62F-8709-499B-992C-58CE2ABDD147}" srcOrd="0" destOrd="0" presId="urn:microsoft.com/office/officeart/2008/layout/SquareAccentList"/>
    <dgm:cxn modelId="{08D3CDA3-8616-944E-9D53-88C70BF70184}" type="presParOf" srcId="{D4A56E51-1E14-4F0A-9A94-B5093205335A}" destId="{6F23BEC7-6FE8-4C88-8AF6-8BE9A1D76F50}" srcOrd="1" destOrd="0" presId="urn:microsoft.com/office/officeart/2008/layout/SquareAccentList"/>
    <dgm:cxn modelId="{B9C02217-B97A-0E4D-A6C8-9A7440555399}" type="presParOf" srcId="{2D5705B2-DFBF-4065-973F-0589F67E28D7}" destId="{689199A1-1DC4-4C6F-9EF8-929607211D13}" srcOrd="6" destOrd="0" presId="urn:microsoft.com/office/officeart/2008/layout/SquareAccentList"/>
    <dgm:cxn modelId="{F797ADD8-2772-6245-A2B5-A6DA03C7002D}" type="presParOf" srcId="{689199A1-1DC4-4C6F-9EF8-929607211D13}" destId="{152B128E-23B9-461B-B0D9-8E8F70810802}" srcOrd="0" destOrd="0" presId="urn:microsoft.com/office/officeart/2008/layout/SquareAccentList"/>
    <dgm:cxn modelId="{9A1491DD-F70E-0048-B739-55C59784E94B}" type="presParOf" srcId="{689199A1-1DC4-4C6F-9EF8-929607211D13}" destId="{752ACE5F-9BE2-4F49-8550-7DD46DD4030B}" srcOrd="1" destOrd="0" presId="urn:microsoft.com/office/officeart/2008/layout/SquareAccentList"/>
    <dgm:cxn modelId="{1B7EA53A-CB28-1748-B9A2-5CF8CF4C61DA}" type="presParOf" srcId="{2D5705B2-DFBF-4065-973F-0589F67E28D7}" destId="{7688D69B-1A20-4B61-B9B3-35D2D541E220}" srcOrd="7" destOrd="0" presId="urn:microsoft.com/office/officeart/2008/layout/SquareAccentList"/>
    <dgm:cxn modelId="{5FAEB7A7-BC1B-3847-93D0-3C7E95ADB570}" type="presParOf" srcId="{7688D69B-1A20-4B61-B9B3-35D2D541E220}" destId="{954D4832-DB4F-4837-B57C-5802BFA4CE87}" srcOrd="0" destOrd="0" presId="urn:microsoft.com/office/officeart/2008/layout/SquareAccentList"/>
    <dgm:cxn modelId="{90DADEF1-BBA7-E341-A57E-98EEC4E008B7}" type="presParOf" srcId="{7688D69B-1A20-4B61-B9B3-35D2D541E220}" destId="{4044CCDE-C764-4F96-872D-C80390B122B2}" srcOrd="1" destOrd="0" presId="urn:microsoft.com/office/officeart/2008/layout/SquareAccentList"/>
    <dgm:cxn modelId="{74755112-D0CE-8D41-9BBA-579B2AB4E81B}" type="presParOf" srcId="{62F4B66D-20A9-4080-841B-411CEE9EC58F}" destId="{718B630C-AF3F-4137-B5F9-2D6A523C24E2}" srcOrd="1" destOrd="0" presId="urn:microsoft.com/office/officeart/2008/layout/SquareAccentList"/>
    <dgm:cxn modelId="{3C68C1EB-F4FE-5543-ADA8-0027F348828D}" type="presParOf" srcId="{718B630C-AF3F-4137-B5F9-2D6A523C24E2}" destId="{A710307B-0FA9-4ED0-BC45-AA393F28E948}" srcOrd="0" destOrd="0" presId="urn:microsoft.com/office/officeart/2008/layout/SquareAccentList"/>
    <dgm:cxn modelId="{8E498723-B7AE-764E-A6E6-A017705937B1}" type="presParOf" srcId="{A710307B-0FA9-4ED0-BC45-AA393F28E948}" destId="{31930DDC-9379-4CFE-84B6-403D8DA4EE3C}" srcOrd="0" destOrd="0" presId="urn:microsoft.com/office/officeart/2008/layout/SquareAccentList"/>
    <dgm:cxn modelId="{080C522C-B6FE-7C42-BB53-FAB8651C11E0}" type="presParOf" srcId="{A710307B-0FA9-4ED0-BC45-AA393F28E948}" destId="{8C997A84-7BBB-454D-827E-C58C73AFA1EA}" srcOrd="1" destOrd="0" presId="urn:microsoft.com/office/officeart/2008/layout/SquareAccentList"/>
    <dgm:cxn modelId="{FB764057-3CB2-F640-9447-959CE34623E1}" type="presParOf" srcId="{A710307B-0FA9-4ED0-BC45-AA393F28E948}" destId="{E77709CD-B11B-47C6-9DE2-45C96B654159}" srcOrd="2" destOrd="0" presId="urn:microsoft.com/office/officeart/2008/layout/SquareAccentList"/>
    <dgm:cxn modelId="{3585FCF7-2D70-F141-A0D2-44A7E65FB510}" type="presParOf" srcId="{718B630C-AF3F-4137-B5F9-2D6A523C24E2}" destId="{7ED0B1AA-E619-4CDD-AA69-480A9A549567}" srcOrd="1" destOrd="0" presId="urn:microsoft.com/office/officeart/2008/layout/SquareAccentList"/>
    <dgm:cxn modelId="{8B4FE5EA-164E-A64E-91C7-0BF984A77FE6}" type="presParOf" srcId="{7ED0B1AA-E619-4CDD-AA69-480A9A549567}" destId="{DDBA050E-9D4D-4FF1-8367-60CD948B355F}" srcOrd="0" destOrd="0" presId="urn:microsoft.com/office/officeart/2008/layout/SquareAccentList"/>
    <dgm:cxn modelId="{8DDDA619-6CC0-2B4C-8415-24B1878965F8}" type="presParOf" srcId="{DDBA050E-9D4D-4FF1-8367-60CD948B355F}" destId="{13825A37-883B-4F23-AFC9-DC86ADDFFB1F}" srcOrd="0" destOrd="0" presId="urn:microsoft.com/office/officeart/2008/layout/SquareAccentList"/>
    <dgm:cxn modelId="{F42F0C28-18C5-6240-86CF-E1E04E8A8B24}" type="presParOf" srcId="{DDBA050E-9D4D-4FF1-8367-60CD948B355F}" destId="{F837B0F1-0758-4AA6-AAB1-2F6A0E98E331}" srcOrd="1" destOrd="0" presId="urn:microsoft.com/office/officeart/2008/layout/SquareAccentList"/>
    <dgm:cxn modelId="{7936A613-6F34-734C-9CEB-E123E68F36BC}" type="presParOf" srcId="{7ED0B1AA-E619-4CDD-AA69-480A9A549567}" destId="{7670F82E-C1BC-4B94-A306-30D7928CD873}" srcOrd="1" destOrd="0" presId="urn:microsoft.com/office/officeart/2008/layout/SquareAccentList"/>
    <dgm:cxn modelId="{C79ED546-8314-7B40-A751-046D17052618}" type="presParOf" srcId="{7670F82E-C1BC-4B94-A306-30D7928CD873}" destId="{EB3E1D36-94DB-4EAA-95DB-5F306D207456}" srcOrd="0" destOrd="0" presId="urn:microsoft.com/office/officeart/2008/layout/SquareAccentList"/>
    <dgm:cxn modelId="{4AD98821-A16B-B745-9E2E-1E4D587A62BE}" type="presParOf" srcId="{7670F82E-C1BC-4B94-A306-30D7928CD873}" destId="{C721A439-08AB-4380-BB73-13D20BF66B02}" srcOrd="1" destOrd="0" presId="urn:microsoft.com/office/officeart/2008/layout/SquareAccentList"/>
    <dgm:cxn modelId="{73ABF42A-8F81-1741-A70B-481AB43D6AC0}" type="presParOf" srcId="{7ED0B1AA-E619-4CDD-AA69-480A9A549567}" destId="{EC60BB1A-711B-4553-A8A2-48267495A587}" srcOrd="2" destOrd="0" presId="urn:microsoft.com/office/officeart/2008/layout/SquareAccentList"/>
    <dgm:cxn modelId="{FEA46D8C-C81C-1E49-A93B-A8E29CBC4C0F}" type="presParOf" srcId="{EC60BB1A-711B-4553-A8A2-48267495A587}" destId="{4DD3D534-E31F-47A7-981E-5B2813A2D315}" srcOrd="0" destOrd="0" presId="urn:microsoft.com/office/officeart/2008/layout/SquareAccentList"/>
    <dgm:cxn modelId="{8AC1E4B8-3EFC-AE41-92FD-6D227D91B569}" type="presParOf" srcId="{EC60BB1A-711B-4553-A8A2-48267495A587}" destId="{2EF226DC-AB5D-4A8C-91E7-F0F68626BF8E}" srcOrd="1" destOrd="0" presId="urn:microsoft.com/office/officeart/2008/layout/SquareAccentList"/>
    <dgm:cxn modelId="{2ED0C04A-BB6E-F34F-9645-13C7DAE8FD31}" type="presParOf" srcId="{7ED0B1AA-E619-4CDD-AA69-480A9A549567}" destId="{CCF8C124-7ADC-411D-B13E-2096E5570593}" srcOrd="3" destOrd="0" presId="urn:microsoft.com/office/officeart/2008/layout/SquareAccentList"/>
    <dgm:cxn modelId="{AF7F3B3F-F21A-4242-AB24-8B2DD5F8D547}" type="presParOf" srcId="{CCF8C124-7ADC-411D-B13E-2096E5570593}" destId="{662BAA20-CCC6-492D-A419-1031557B69C1}" srcOrd="0" destOrd="0" presId="urn:microsoft.com/office/officeart/2008/layout/SquareAccentList"/>
    <dgm:cxn modelId="{C214AE9A-D2B8-764D-B323-DE5C84B0D437}" type="presParOf" srcId="{CCF8C124-7ADC-411D-B13E-2096E5570593}" destId="{531A24E3-8250-4BCC-BA81-EA01228095B5}" srcOrd="1" destOrd="0" presId="urn:microsoft.com/office/officeart/2008/layout/SquareAccentList"/>
    <dgm:cxn modelId="{28864273-17BC-2145-AEBF-A2A7EAA7DCF0}" type="presParOf" srcId="{7ED0B1AA-E619-4CDD-AA69-480A9A549567}" destId="{AF4C7539-A87A-4C48-A671-D813BA6F55EA}" srcOrd="4" destOrd="0" presId="urn:microsoft.com/office/officeart/2008/layout/SquareAccentList"/>
    <dgm:cxn modelId="{5809A51A-DBBD-224E-A2A5-2324FC423FBC}" type="presParOf" srcId="{AF4C7539-A87A-4C48-A671-D813BA6F55EA}" destId="{A64462F3-63BB-4A40-BF6E-624BFC60E4CC}" srcOrd="0" destOrd="0" presId="urn:microsoft.com/office/officeart/2008/layout/SquareAccentList"/>
    <dgm:cxn modelId="{5346B590-9F2D-EF42-983F-3F21FF310E38}" type="presParOf" srcId="{AF4C7539-A87A-4C48-A671-D813BA6F55EA}" destId="{657B151E-6BA2-490B-BDFC-562E29D34721}" srcOrd="1" destOrd="0" presId="urn:microsoft.com/office/officeart/2008/layout/SquareAccentList"/>
    <dgm:cxn modelId="{26F8F794-17C3-A84E-BF04-A93B569F49C7}" type="presParOf" srcId="{7ED0B1AA-E619-4CDD-AA69-480A9A549567}" destId="{D30118E6-3DAC-6247-BF03-D123DAAD4C38}" srcOrd="5" destOrd="0" presId="urn:microsoft.com/office/officeart/2008/layout/SquareAccentList"/>
    <dgm:cxn modelId="{5A02F2DD-26EC-984F-90BA-A6E9406D6989}" type="presParOf" srcId="{D30118E6-3DAC-6247-BF03-D123DAAD4C38}" destId="{8D47415D-9394-ED49-B6FF-3663B30593C5}" srcOrd="0" destOrd="0" presId="urn:microsoft.com/office/officeart/2008/layout/SquareAccentList"/>
    <dgm:cxn modelId="{C5B50A89-3C85-5E44-B102-EC2DB918FDCF}" type="presParOf" srcId="{D30118E6-3DAC-6247-BF03-D123DAAD4C38}" destId="{CD129DBA-5D11-2D4D-8514-792C5BCD7E0F}" srcOrd="1" destOrd="0" presId="urn:microsoft.com/office/officeart/2008/layout/SquareAccentList"/>
    <dgm:cxn modelId="{6E322F5D-C5FD-5843-B5F6-1CAF63FE9929}" type="presParOf" srcId="{7ED0B1AA-E619-4CDD-AA69-480A9A549567}" destId="{9040A011-E0A8-6443-A386-F2E1BC083183}" srcOrd="6" destOrd="0" presId="urn:microsoft.com/office/officeart/2008/layout/SquareAccentList"/>
    <dgm:cxn modelId="{46DE5CB8-87BE-9440-8447-47E5F64BFFC0}" type="presParOf" srcId="{9040A011-E0A8-6443-A386-F2E1BC083183}" destId="{994DBF34-C38F-D940-BC81-2C63591297EB}" srcOrd="0" destOrd="0" presId="urn:microsoft.com/office/officeart/2008/layout/SquareAccentList"/>
    <dgm:cxn modelId="{20DDE849-D28F-334A-9680-DD663D203715}" type="presParOf" srcId="{9040A011-E0A8-6443-A386-F2E1BC083183}" destId="{390D97CD-C098-7642-8ECF-1BA55415C49C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1C2BBC2D-03FE-4217-A05C-6D6427D291C4}" type="doc">
      <dgm:prSet loTypeId="urn:microsoft.com/office/officeart/2005/8/layout/hierarchy4" loCatId="list" qsTypeId="urn:microsoft.com/office/officeart/2005/8/quickstyle/simple1" qsCatId="simple" csTypeId="urn:microsoft.com/office/officeart/2005/8/colors/accent6_3" csCatId="accent6" phldr="1"/>
      <dgm:spPr/>
      <dgm:t>
        <a:bodyPr/>
        <a:lstStyle/>
        <a:p>
          <a:endParaRPr lang="en-US"/>
        </a:p>
      </dgm:t>
    </dgm:pt>
    <dgm:pt modelId="{C49DC276-26EA-4A90-A19A-0148ED256471}">
      <dgm:prSet phldrT="[Text]" custT="1"/>
      <dgm:spPr/>
      <dgm:t>
        <a:bodyPr/>
        <a:lstStyle/>
        <a:p>
          <a:r>
            <a:rPr lang="en-US" sz="4000" dirty="0" smtClean="0"/>
            <a:t>Credit Card Payment</a:t>
          </a:r>
          <a:endParaRPr lang="en-US" sz="4000" dirty="0"/>
        </a:p>
      </dgm:t>
    </dgm:pt>
    <dgm:pt modelId="{38107D31-0F03-4E9C-8661-24F10EC18C20}" type="parTrans" cxnId="{58BF820D-2FAA-42B8-8810-5AC37102E4BF}">
      <dgm:prSet/>
      <dgm:spPr/>
      <dgm:t>
        <a:bodyPr/>
        <a:lstStyle/>
        <a:p>
          <a:endParaRPr lang="en-US"/>
        </a:p>
      </dgm:t>
    </dgm:pt>
    <dgm:pt modelId="{CD874047-D4D5-4200-B6E4-7DEFAD5E069C}" type="sibTrans" cxnId="{58BF820D-2FAA-42B8-8810-5AC37102E4BF}">
      <dgm:prSet/>
      <dgm:spPr/>
      <dgm:t>
        <a:bodyPr/>
        <a:lstStyle/>
        <a:p>
          <a:endParaRPr lang="en-US"/>
        </a:p>
      </dgm:t>
    </dgm:pt>
    <dgm:pt modelId="{10E12601-C527-489B-BE55-DA65D717AA25}">
      <dgm:prSet phldrT="[Text]"/>
      <dgm:spPr/>
      <dgm:t>
        <a:bodyPr/>
        <a:lstStyle/>
        <a:p>
          <a:r>
            <a:rPr lang="en-US" u="none" dirty="0" smtClean="0"/>
            <a:t>Bill Payment/</a:t>
          </a:r>
          <a:r>
            <a:rPr lang="vi-VN" u="none" dirty="0" smtClean="0"/>
            <a:t>Mobile Top-up</a:t>
          </a:r>
        </a:p>
        <a:p>
          <a:r>
            <a:rPr lang="en-US" dirty="0" smtClean="0"/>
            <a:t>P2P Money Transfer</a:t>
          </a:r>
          <a:endParaRPr lang="en-US" dirty="0"/>
        </a:p>
      </dgm:t>
    </dgm:pt>
    <dgm:pt modelId="{6B56CA5E-C1CF-437C-95E1-5DBDE17E8A78}" type="parTrans" cxnId="{3E38F627-9A98-4438-B847-7BED6151782C}">
      <dgm:prSet/>
      <dgm:spPr/>
      <dgm:t>
        <a:bodyPr/>
        <a:lstStyle/>
        <a:p>
          <a:endParaRPr lang="en-US"/>
        </a:p>
      </dgm:t>
    </dgm:pt>
    <dgm:pt modelId="{CD45E3D7-B280-4ED7-82CC-68A04CD4BA53}" type="sibTrans" cxnId="{3E38F627-9A98-4438-B847-7BED6151782C}">
      <dgm:prSet/>
      <dgm:spPr/>
      <dgm:t>
        <a:bodyPr/>
        <a:lstStyle/>
        <a:p>
          <a:endParaRPr lang="en-US"/>
        </a:p>
      </dgm:t>
    </dgm:pt>
    <dgm:pt modelId="{C11EDB92-D18E-4B8A-85C6-233F9A448906}">
      <dgm:prSet phldrT="[Text]"/>
      <dgm:spPr/>
      <dgm:t>
        <a:bodyPr/>
        <a:lstStyle/>
        <a:p>
          <a:r>
            <a:rPr lang="en-US" dirty="0" smtClean="0"/>
            <a:t>Today </a:t>
          </a:r>
        </a:p>
        <a:p>
          <a:r>
            <a:rPr lang="en-US" dirty="0" smtClean="0"/>
            <a:t>Transactions</a:t>
          </a:r>
          <a:endParaRPr lang="en-US" dirty="0"/>
        </a:p>
      </dgm:t>
    </dgm:pt>
    <dgm:pt modelId="{62C495E5-FF29-4363-B565-63ED4C2BFFF4}" type="parTrans" cxnId="{9CC884A9-AB19-46C9-A0D9-FF960D70DE2C}">
      <dgm:prSet/>
      <dgm:spPr/>
      <dgm:t>
        <a:bodyPr/>
        <a:lstStyle/>
        <a:p>
          <a:endParaRPr lang="en-US"/>
        </a:p>
      </dgm:t>
    </dgm:pt>
    <dgm:pt modelId="{9475DE2C-2011-4CC1-B796-8E8A00C01F2A}" type="sibTrans" cxnId="{9CC884A9-AB19-46C9-A0D9-FF960D70DE2C}">
      <dgm:prSet/>
      <dgm:spPr/>
      <dgm:t>
        <a:bodyPr/>
        <a:lstStyle/>
        <a:p>
          <a:endParaRPr lang="en-US"/>
        </a:p>
      </dgm:t>
    </dgm:pt>
    <dgm:pt modelId="{96C0AFAE-BD77-4E8A-96BB-9DB4E92B9956}">
      <dgm:prSet phldrT="[Text]"/>
      <dgm:spPr/>
      <dgm:t>
        <a:bodyPr/>
        <a:lstStyle/>
        <a:p>
          <a:r>
            <a:rPr lang="en-US" dirty="0" smtClean="0"/>
            <a:t>Current</a:t>
          </a:r>
        </a:p>
        <a:p>
          <a:r>
            <a:rPr lang="en-US" dirty="0" smtClean="0"/>
            <a:t>Statement</a:t>
          </a:r>
          <a:endParaRPr lang="en-US" dirty="0"/>
        </a:p>
      </dgm:t>
    </dgm:pt>
    <dgm:pt modelId="{7A7BEA09-4198-4B73-9A4B-173FDAB0E480}" type="parTrans" cxnId="{1B15FDA5-EBD7-40D0-A8A5-56AB5A7D689A}">
      <dgm:prSet/>
      <dgm:spPr/>
      <dgm:t>
        <a:bodyPr/>
        <a:lstStyle/>
        <a:p>
          <a:endParaRPr lang="en-US"/>
        </a:p>
      </dgm:t>
    </dgm:pt>
    <dgm:pt modelId="{A6094490-DAD5-4A8D-B85A-2E4EB0D2A7D4}" type="sibTrans" cxnId="{1B15FDA5-EBD7-40D0-A8A5-56AB5A7D689A}">
      <dgm:prSet/>
      <dgm:spPr/>
      <dgm:t>
        <a:bodyPr/>
        <a:lstStyle/>
        <a:p>
          <a:endParaRPr lang="en-US"/>
        </a:p>
      </dgm:t>
    </dgm:pt>
    <dgm:pt modelId="{7840DDA6-F5CC-4BBB-AD33-296145AD2247}">
      <dgm:prSet phldrT="[Text]"/>
      <dgm:spPr/>
      <dgm:t>
        <a:bodyPr/>
        <a:lstStyle/>
        <a:p>
          <a:r>
            <a:rPr lang="en-US" dirty="0" smtClean="0"/>
            <a:t>Master Card</a:t>
          </a:r>
        </a:p>
        <a:p>
          <a:r>
            <a:rPr lang="en-US" dirty="0" smtClean="0"/>
            <a:t>QR PASS</a:t>
          </a:r>
          <a:endParaRPr lang="en-US" dirty="0"/>
        </a:p>
      </dgm:t>
    </dgm:pt>
    <dgm:pt modelId="{2397C5F3-B732-4216-9DB3-ACB566885DF8}" type="parTrans" cxnId="{0950A7B1-463E-4E3F-AF1B-94C23CE69EB3}">
      <dgm:prSet/>
      <dgm:spPr/>
      <dgm:t>
        <a:bodyPr/>
        <a:lstStyle/>
        <a:p>
          <a:endParaRPr lang="en-US"/>
        </a:p>
      </dgm:t>
    </dgm:pt>
    <dgm:pt modelId="{54A4D499-5E1E-43CD-8941-85260E7F6EC5}" type="sibTrans" cxnId="{0950A7B1-463E-4E3F-AF1B-94C23CE69EB3}">
      <dgm:prSet/>
      <dgm:spPr/>
      <dgm:t>
        <a:bodyPr/>
        <a:lstStyle/>
        <a:p>
          <a:endParaRPr lang="en-US"/>
        </a:p>
      </dgm:t>
    </dgm:pt>
    <dgm:pt modelId="{44755A8C-920A-40B4-A430-8356E3C7AE02}">
      <dgm:prSet phldrT="[Text]"/>
      <dgm:spPr/>
      <dgm:t>
        <a:bodyPr/>
        <a:lstStyle/>
        <a:p>
          <a:r>
            <a:rPr lang="en-US" dirty="0" smtClean="0"/>
            <a:t>Past</a:t>
          </a:r>
        </a:p>
        <a:p>
          <a:r>
            <a:rPr lang="en-US" dirty="0" smtClean="0"/>
            <a:t>Statement</a:t>
          </a:r>
          <a:endParaRPr lang="en-US" dirty="0"/>
        </a:p>
      </dgm:t>
    </dgm:pt>
    <dgm:pt modelId="{AC383BAE-C2A1-4688-AD80-515CE6FA018F}" type="parTrans" cxnId="{E9E9AC9A-008A-45D3-AABA-46105D417DD9}">
      <dgm:prSet/>
      <dgm:spPr/>
      <dgm:t>
        <a:bodyPr/>
        <a:lstStyle/>
        <a:p>
          <a:endParaRPr lang="en-US"/>
        </a:p>
      </dgm:t>
    </dgm:pt>
    <dgm:pt modelId="{B21FCD58-AFDB-4531-A7D5-FBE187606C0D}" type="sibTrans" cxnId="{E9E9AC9A-008A-45D3-AABA-46105D417DD9}">
      <dgm:prSet/>
      <dgm:spPr/>
      <dgm:t>
        <a:bodyPr/>
        <a:lstStyle/>
        <a:p>
          <a:endParaRPr lang="en-US"/>
        </a:p>
      </dgm:t>
    </dgm:pt>
    <dgm:pt modelId="{7CE08A03-A434-4E00-AF11-853DF328CAA1}" type="pres">
      <dgm:prSet presAssocID="{1C2BBC2D-03FE-4217-A05C-6D6427D291C4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C7D6523D-8052-400D-BF65-03F963CB24AC}" type="pres">
      <dgm:prSet presAssocID="{C49DC276-26EA-4A90-A19A-0148ED256471}" presName="vertOne" presStyleCnt="0"/>
      <dgm:spPr/>
    </dgm:pt>
    <dgm:pt modelId="{BC337F94-7E42-4F49-A0BD-41F7557FF8BE}" type="pres">
      <dgm:prSet presAssocID="{C49DC276-26EA-4A90-A19A-0148ED256471}" presName="txOne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80778FD9-41F0-4EE3-8D86-9E3EA08E82AC}" type="pres">
      <dgm:prSet presAssocID="{C49DC276-26EA-4A90-A19A-0148ED256471}" presName="parTransOne" presStyleCnt="0"/>
      <dgm:spPr/>
    </dgm:pt>
    <dgm:pt modelId="{4D37540B-A4DC-415C-BCF1-7933EA97703D}" type="pres">
      <dgm:prSet presAssocID="{C49DC276-26EA-4A90-A19A-0148ED256471}" presName="horzOne" presStyleCnt="0"/>
      <dgm:spPr/>
    </dgm:pt>
    <dgm:pt modelId="{1C364FB5-BF45-45EE-BDE4-5E7C2AF9C5CA}" type="pres">
      <dgm:prSet presAssocID="{10E12601-C527-489B-BE55-DA65D717AA25}" presName="vertTwo" presStyleCnt="0"/>
      <dgm:spPr/>
    </dgm:pt>
    <dgm:pt modelId="{5A4AF22A-73EA-4817-9746-A6E70A14367A}" type="pres">
      <dgm:prSet presAssocID="{10E12601-C527-489B-BE55-DA65D717AA25}" presName="txTwo" presStyleLbl="node2" presStyleIdx="0" presStyleCnt="2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28D898AE-E0F7-4C96-BFAE-6BE37038E067}" type="pres">
      <dgm:prSet presAssocID="{10E12601-C527-489B-BE55-DA65D717AA25}" presName="parTransTwo" presStyleCnt="0"/>
      <dgm:spPr/>
    </dgm:pt>
    <dgm:pt modelId="{8959C14F-7B6F-4C89-81B1-C2ABD2D16AA5}" type="pres">
      <dgm:prSet presAssocID="{10E12601-C527-489B-BE55-DA65D717AA25}" presName="horzTwo" presStyleCnt="0"/>
      <dgm:spPr/>
    </dgm:pt>
    <dgm:pt modelId="{BEF9C5E8-B641-4340-95DA-C6A5DF8A486E}" type="pres">
      <dgm:prSet presAssocID="{C11EDB92-D18E-4B8A-85C6-233F9A448906}" presName="vertThree" presStyleCnt="0"/>
      <dgm:spPr/>
    </dgm:pt>
    <dgm:pt modelId="{93FE94B4-A886-4F9D-A3F9-961F81716571}" type="pres">
      <dgm:prSet presAssocID="{C11EDB92-D18E-4B8A-85C6-233F9A448906}" presName="txThree" presStyleLbl="node3" presStyleIdx="0" presStyleCnt="3" custLinFactNeighborX="-36" custLinFactNeighborY="104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1A14ACB-C503-432C-AF83-1A60E9B168EE}" type="pres">
      <dgm:prSet presAssocID="{C11EDB92-D18E-4B8A-85C6-233F9A448906}" presName="horzThree" presStyleCnt="0"/>
      <dgm:spPr/>
    </dgm:pt>
    <dgm:pt modelId="{254AD88C-2CE6-45BB-BEA5-F2A737D135BE}" type="pres">
      <dgm:prSet presAssocID="{9475DE2C-2011-4CC1-B796-8E8A00C01F2A}" presName="sibSpaceThree" presStyleCnt="0"/>
      <dgm:spPr/>
    </dgm:pt>
    <dgm:pt modelId="{4817FB3E-0F15-4F78-BD8B-5027D3091449}" type="pres">
      <dgm:prSet presAssocID="{96C0AFAE-BD77-4E8A-96BB-9DB4E92B9956}" presName="vertThree" presStyleCnt="0"/>
      <dgm:spPr/>
    </dgm:pt>
    <dgm:pt modelId="{CE535A9A-A4CB-413D-B5B0-AFE5466B05FA}" type="pres">
      <dgm:prSet presAssocID="{96C0AFAE-BD77-4E8A-96BB-9DB4E92B9956}" presName="txThree" presStyleLbl="node3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486EFEE-DBF3-4379-BEF6-AB3BA7C96184}" type="pres">
      <dgm:prSet presAssocID="{96C0AFAE-BD77-4E8A-96BB-9DB4E92B9956}" presName="horzThree" presStyleCnt="0"/>
      <dgm:spPr/>
    </dgm:pt>
    <dgm:pt modelId="{A08E9F5B-70DC-4BB3-B6CD-05FD7F0BE2D0}" type="pres">
      <dgm:prSet presAssocID="{CD45E3D7-B280-4ED7-82CC-68A04CD4BA53}" presName="sibSpaceTwo" presStyleCnt="0"/>
      <dgm:spPr/>
    </dgm:pt>
    <dgm:pt modelId="{9B067388-6792-46E9-854A-21BBCD16A7CD}" type="pres">
      <dgm:prSet presAssocID="{7840DDA6-F5CC-4BBB-AD33-296145AD2247}" presName="vertTwo" presStyleCnt="0"/>
      <dgm:spPr/>
    </dgm:pt>
    <dgm:pt modelId="{C35A0803-EFFB-48F4-8987-3047622C631A}" type="pres">
      <dgm:prSet presAssocID="{7840DDA6-F5CC-4BBB-AD33-296145AD2247}" presName="txTwo" presStyleLbl="node2" presStyleIdx="1" presStyleCnt="2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66E16CF-00F0-4BFE-AF28-A0674CFD7EA8}" type="pres">
      <dgm:prSet presAssocID="{7840DDA6-F5CC-4BBB-AD33-296145AD2247}" presName="parTransTwo" presStyleCnt="0"/>
      <dgm:spPr/>
    </dgm:pt>
    <dgm:pt modelId="{B959DDF2-C70C-4EE0-81EF-D7EFFFEC83E4}" type="pres">
      <dgm:prSet presAssocID="{7840DDA6-F5CC-4BBB-AD33-296145AD2247}" presName="horzTwo" presStyleCnt="0"/>
      <dgm:spPr/>
    </dgm:pt>
    <dgm:pt modelId="{215354D4-5421-4188-97C6-303AC0EC85E0}" type="pres">
      <dgm:prSet presAssocID="{44755A8C-920A-40B4-A430-8356E3C7AE02}" presName="vertThree" presStyleCnt="0"/>
      <dgm:spPr/>
    </dgm:pt>
    <dgm:pt modelId="{4A454005-24F7-4F77-8A80-379EAC7A2603}" type="pres">
      <dgm:prSet presAssocID="{44755A8C-920A-40B4-A430-8356E3C7AE02}" presName="txThree" presStyleLbl="node3" presStyleIdx="2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2703A6A-C56E-4FF2-BB55-6EB38A1A91E2}" type="pres">
      <dgm:prSet presAssocID="{44755A8C-920A-40B4-A430-8356E3C7AE02}" presName="horzThree" presStyleCnt="0"/>
      <dgm:spPr/>
    </dgm:pt>
  </dgm:ptLst>
  <dgm:cxnLst>
    <dgm:cxn modelId="{1B15FDA5-EBD7-40D0-A8A5-56AB5A7D689A}" srcId="{10E12601-C527-489B-BE55-DA65D717AA25}" destId="{96C0AFAE-BD77-4E8A-96BB-9DB4E92B9956}" srcOrd="1" destOrd="0" parTransId="{7A7BEA09-4198-4B73-9A4B-173FDAB0E480}" sibTransId="{A6094490-DAD5-4A8D-B85A-2E4EB0D2A7D4}"/>
    <dgm:cxn modelId="{0950A7B1-463E-4E3F-AF1B-94C23CE69EB3}" srcId="{C49DC276-26EA-4A90-A19A-0148ED256471}" destId="{7840DDA6-F5CC-4BBB-AD33-296145AD2247}" srcOrd="1" destOrd="0" parTransId="{2397C5F3-B732-4216-9DB3-ACB566885DF8}" sibTransId="{54A4D499-5E1E-43CD-8941-85260E7F6EC5}"/>
    <dgm:cxn modelId="{3E38F627-9A98-4438-B847-7BED6151782C}" srcId="{C49DC276-26EA-4A90-A19A-0148ED256471}" destId="{10E12601-C527-489B-BE55-DA65D717AA25}" srcOrd="0" destOrd="0" parTransId="{6B56CA5E-C1CF-437C-95E1-5DBDE17E8A78}" sibTransId="{CD45E3D7-B280-4ED7-82CC-68A04CD4BA53}"/>
    <dgm:cxn modelId="{FB806448-8A89-42DA-BBB0-5F6D9E64BCCC}" type="presOf" srcId="{44755A8C-920A-40B4-A430-8356E3C7AE02}" destId="{4A454005-24F7-4F77-8A80-379EAC7A2603}" srcOrd="0" destOrd="0" presId="urn:microsoft.com/office/officeart/2005/8/layout/hierarchy4"/>
    <dgm:cxn modelId="{9CC884A9-AB19-46C9-A0D9-FF960D70DE2C}" srcId="{10E12601-C527-489B-BE55-DA65D717AA25}" destId="{C11EDB92-D18E-4B8A-85C6-233F9A448906}" srcOrd="0" destOrd="0" parTransId="{62C495E5-FF29-4363-B565-63ED4C2BFFF4}" sibTransId="{9475DE2C-2011-4CC1-B796-8E8A00C01F2A}"/>
    <dgm:cxn modelId="{81C62E5B-2B4A-4EBC-8E88-E3AC43C3A94D}" type="presOf" srcId="{C49DC276-26EA-4A90-A19A-0148ED256471}" destId="{BC337F94-7E42-4F49-A0BD-41F7557FF8BE}" srcOrd="0" destOrd="0" presId="urn:microsoft.com/office/officeart/2005/8/layout/hierarchy4"/>
    <dgm:cxn modelId="{2624749E-0135-4E1C-82E3-2AB8CE84884F}" type="presOf" srcId="{C11EDB92-D18E-4B8A-85C6-233F9A448906}" destId="{93FE94B4-A886-4F9D-A3F9-961F81716571}" srcOrd="0" destOrd="0" presId="urn:microsoft.com/office/officeart/2005/8/layout/hierarchy4"/>
    <dgm:cxn modelId="{04392E5F-9A69-442A-A848-E1B5393F67BC}" type="presOf" srcId="{10E12601-C527-489B-BE55-DA65D717AA25}" destId="{5A4AF22A-73EA-4817-9746-A6E70A14367A}" srcOrd="0" destOrd="0" presId="urn:microsoft.com/office/officeart/2005/8/layout/hierarchy4"/>
    <dgm:cxn modelId="{58BF820D-2FAA-42B8-8810-5AC37102E4BF}" srcId="{1C2BBC2D-03FE-4217-A05C-6D6427D291C4}" destId="{C49DC276-26EA-4A90-A19A-0148ED256471}" srcOrd="0" destOrd="0" parTransId="{38107D31-0F03-4E9C-8661-24F10EC18C20}" sibTransId="{CD874047-D4D5-4200-B6E4-7DEFAD5E069C}"/>
    <dgm:cxn modelId="{255870A2-F87B-4920-9C89-77CE1562E9F6}" type="presOf" srcId="{96C0AFAE-BD77-4E8A-96BB-9DB4E92B9956}" destId="{CE535A9A-A4CB-413D-B5B0-AFE5466B05FA}" srcOrd="0" destOrd="0" presId="urn:microsoft.com/office/officeart/2005/8/layout/hierarchy4"/>
    <dgm:cxn modelId="{E9E9AC9A-008A-45D3-AABA-46105D417DD9}" srcId="{7840DDA6-F5CC-4BBB-AD33-296145AD2247}" destId="{44755A8C-920A-40B4-A430-8356E3C7AE02}" srcOrd="0" destOrd="0" parTransId="{AC383BAE-C2A1-4688-AD80-515CE6FA018F}" sibTransId="{B21FCD58-AFDB-4531-A7D5-FBE187606C0D}"/>
    <dgm:cxn modelId="{D6CC92C4-2940-485D-BB72-06538AA9FBC6}" type="presOf" srcId="{7840DDA6-F5CC-4BBB-AD33-296145AD2247}" destId="{C35A0803-EFFB-48F4-8987-3047622C631A}" srcOrd="0" destOrd="0" presId="urn:microsoft.com/office/officeart/2005/8/layout/hierarchy4"/>
    <dgm:cxn modelId="{423E9943-6609-4138-80EB-B0554FF0FF13}" type="presOf" srcId="{1C2BBC2D-03FE-4217-A05C-6D6427D291C4}" destId="{7CE08A03-A434-4E00-AF11-853DF328CAA1}" srcOrd="0" destOrd="0" presId="urn:microsoft.com/office/officeart/2005/8/layout/hierarchy4"/>
    <dgm:cxn modelId="{71BB51CF-6B15-4690-B3E5-E2EF4D7C9668}" type="presParOf" srcId="{7CE08A03-A434-4E00-AF11-853DF328CAA1}" destId="{C7D6523D-8052-400D-BF65-03F963CB24AC}" srcOrd="0" destOrd="0" presId="urn:microsoft.com/office/officeart/2005/8/layout/hierarchy4"/>
    <dgm:cxn modelId="{6146CB88-9362-4B45-908D-89B4C27B2149}" type="presParOf" srcId="{C7D6523D-8052-400D-BF65-03F963CB24AC}" destId="{BC337F94-7E42-4F49-A0BD-41F7557FF8BE}" srcOrd="0" destOrd="0" presId="urn:microsoft.com/office/officeart/2005/8/layout/hierarchy4"/>
    <dgm:cxn modelId="{259E06C8-39C1-4970-8637-C91C3DB1A378}" type="presParOf" srcId="{C7D6523D-8052-400D-BF65-03F963CB24AC}" destId="{80778FD9-41F0-4EE3-8D86-9E3EA08E82AC}" srcOrd="1" destOrd="0" presId="urn:microsoft.com/office/officeart/2005/8/layout/hierarchy4"/>
    <dgm:cxn modelId="{AAB298E0-9B25-4EE1-ADC5-DC4CBD6C0070}" type="presParOf" srcId="{C7D6523D-8052-400D-BF65-03F963CB24AC}" destId="{4D37540B-A4DC-415C-BCF1-7933EA97703D}" srcOrd="2" destOrd="0" presId="urn:microsoft.com/office/officeart/2005/8/layout/hierarchy4"/>
    <dgm:cxn modelId="{BD316427-F267-4C4C-8487-00AB7D5BEA88}" type="presParOf" srcId="{4D37540B-A4DC-415C-BCF1-7933EA97703D}" destId="{1C364FB5-BF45-45EE-BDE4-5E7C2AF9C5CA}" srcOrd="0" destOrd="0" presId="urn:microsoft.com/office/officeart/2005/8/layout/hierarchy4"/>
    <dgm:cxn modelId="{690C2AB9-4E75-44ED-9462-F3C431F6CBD4}" type="presParOf" srcId="{1C364FB5-BF45-45EE-BDE4-5E7C2AF9C5CA}" destId="{5A4AF22A-73EA-4817-9746-A6E70A14367A}" srcOrd="0" destOrd="0" presId="urn:microsoft.com/office/officeart/2005/8/layout/hierarchy4"/>
    <dgm:cxn modelId="{2E5F1609-F5FA-4FDE-89E8-FC953FC3D2CC}" type="presParOf" srcId="{1C364FB5-BF45-45EE-BDE4-5E7C2AF9C5CA}" destId="{28D898AE-E0F7-4C96-BFAE-6BE37038E067}" srcOrd="1" destOrd="0" presId="urn:microsoft.com/office/officeart/2005/8/layout/hierarchy4"/>
    <dgm:cxn modelId="{E5F8C498-68C9-457E-A844-973267FFB308}" type="presParOf" srcId="{1C364FB5-BF45-45EE-BDE4-5E7C2AF9C5CA}" destId="{8959C14F-7B6F-4C89-81B1-C2ABD2D16AA5}" srcOrd="2" destOrd="0" presId="urn:microsoft.com/office/officeart/2005/8/layout/hierarchy4"/>
    <dgm:cxn modelId="{9D419A3B-2B35-46F2-B40F-61D962D96502}" type="presParOf" srcId="{8959C14F-7B6F-4C89-81B1-C2ABD2D16AA5}" destId="{BEF9C5E8-B641-4340-95DA-C6A5DF8A486E}" srcOrd="0" destOrd="0" presId="urn:microsoft.com/office/officeart/2005/8/layout/hierarchy4"/>
    <dgm:cxn modelId="{B3B28AAF-6DAA-4BD3-A293-AD3CF0D933B4}" type="presParOf" srcId="{BEF9C5E8-B641-4340-95DA-C6A5DF8A486E}" destId="{93FE94B4-A886-4F9D-A3F9-961F81716571}" srcOrd="0" destOrd="0" presId="urn:microsoft.com/office/officeart/2005/8/layout/hierarchy4"/>
    <dgm:cxn modelId="{DB163C74-1755-473D-A98E-A52B7F171FED}" type="presParOf" srcId="{BEF9C5E8-B641-4340-95DA-C6A5DF8A486E}" destId="{E1A14ACB-C503-432C-AF83-1A60E9B168EE}" srcOrd="1" destOrd="0" presId="urn:microsoft.com/office/officeart/2005/8/layout/hierarchy4"/>
    <dgm:cxn modelId="{B0F82515-22E5-45AB-A59A-B1606F029571}" type="presParOf" srcId="{8959C14F-7B6F-4C89-81B1-C2ABD2D16AA5}" destId="{254AD88C-2CE6-45BB-BEA5-F2A737D135BE}" srcOrd="1" destOrd="0" presId="urn:microsoft.com/office/officeart/2005/8/layout/hierarchy4"/>
    <dgm:cxn modelId="{6024B8D7-6A70-4553-9AB8-F8A8F5F6DE62}" type="presParOf" srcId="{8959C14F-7B6F-4C89-81B1-C2ABD2D16AA5}" destId="{4817FB3E-0F15-4F78-BD8B-5027D3091449}" srcOrd="2" destOrd="0" presId="urn:microsoft.com/office/officeart/2005/8/layout/hierarchy4"/>
    <dgm:cxn modelId="{6C784BC3-7A7F-4971-9B92-AB5E4369D44C}" type="presParOf" srcId="{4817FB3E-0F15-4F78-BD8B-5027D3091449}" destId="{CE535A9A-A4CB-413D-B5B0-AFE5466B05FA}" srcOrd="0" destOrd="0" presId="urn:microsoft.com/office/officeart/2005/8/layout/hierarchy4"/>
    <dgm:cxn modelId="{ECE7501A-3831-4B90-8E76-4A0871F45381}" type="presParOf" srcId="{4817FB3E-0F15-4F78-BD8B-5027D3091449}" destId="{6486EFEE-DBF3-4379-BEF6-AB3BA7C96184}" srcOrd="1" destOrd="0" presId="urn:microsoft.com/office/officeart/2005/8/layout/hierarchy4"/>
    <dgm:cxn modelId="{59873250-2622-46DF-AA2D-8F34C2985B8D}" type="presParOf" srcId="{4D37540B-A4DC-415C-BCF1-7933EA97703D}" destId="{A08E9F5B-70DC-4BB3-B6CD-05FD7F0BE2D0}" srcOrd="1" destOrd="0" presId="urn:microsoft.com/office/officeart/2005/8/layout/hierarchy4"/>
    <dgm:cxn modelId="{0EAFDAD3-E081-481C-91BE-979169DEA069}" type="presParOf" srcId="{4D37540B-A4DC-415C-BCF1-7933EA97703D}" destId="{9B067388-6792-46E9-854A-21BBCD16A7CD}" srcOrd="2" destOrd="0" presId="urn:microsoft.com/office/officeart/2005/8/layout/hierarchy4"/>
    <dgm:cxn modelId="{9E921903-8D48-4390-90C2-40F0B8246FA7}" type="presParOf" srcId="{9B067388-6792-46E9-854A-21BBCD16A7CD}" destId="{C35A0803-EFFB-48F4-8987-3047622C631A}" srcOrd="0" destOrd="0" presId="urn:microsoft.com/office/officeart/2005/8/layout/hierarchy4"/>
    <dgm:cxn modelId="{92A52C1A-0092-4EE3-BF9B-6F8BC685D1D4}" type="presParOf" srcId="{9B067388-6792-46E9-854A-21BBCD16A7CD}" destId="{E66E16CF-00F0-4BFE-AF28-A0674CFD7EA8}" srcOrd="1" destOrd="0" presId="urn:microsoft.com/office/officeart/2005/8/layout/hierarchy4"/>
    <dgm:cxn modelId="{244848E5-9B98-41B0-800D-AF9DF9F53C5C}" type="presParOf" srcId="{9B067388-6792-46E9-854A-21BBCD16A7CD}" destId="{B959DDF2-C70C-4EE0-81EF-D7EFFFEC83E4}" srcOrd="2" destOrd="0" presId="urn:microsoft.com/office/officeart/2005/8/layout/hierarchy4"/>
    <dgm:cxn modelId="{79890928-67A1-4A9E-90D8-7EFC1352D33A}" type="presParOf" srcId="{B959DDF2-C70C-4EE0-81EF-D7EFFFEC83E4}" destId="{215354D4-5421-4188-97C6-303AC0EC85E0}" srcOrd="0" destOrd="0" presId="urn:microsoft.com/office/officeart/2005/8/layout/hierarchy4"/>
    <dgm:cxn modelId="{23C246D9-D365-4B17-B3D1-6E60B6C4027D}" type="presParOf" srcId="{215354D4-5421-4188-97C6-303AC0EC85E0}" destId="{4A454005-24F7-4F77-8A80-379EAC7A2603}" srcOrd="0" destOrd="0" presId="urn:microsoft.com/office/officeart/2005/8/layout/hierarchy4"/>
    <dgm:cxn modelId="{E1E7C429-798E-4EB3-B7A7-D84C535E0238}" type="presParOf" srcId="{215354D4-5421-4188-97C6-303AC0EC85E0}" destId="{A2703A6A-C56E-4FF2-BB55-6EB38A1A91E2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67212031-9453-451A-B454-00B3BCC22817}" type="doc">
      <dgm:prSet loTypeId="urn:microsoft.com/office/officeart/2005/8/layout/radial1" loCatId="cycle" qsTypeId="urn:microsoft.com/office/officeart/2005/8/quickstyle/simple2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CE985989-39C2-4E24-8743-9EE0E6A7DB8C}">
      <dgm:prSet phldrT="[Text]" custT="1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sz="1200" smtClean="0"/>
            <a:t>MOBILE</a:t>
          </a:r>
          <a:endParaRPr lang="en-US" sz="1200" dirty="0"/>
        </a:p>
      </dgm:t>
    </dgm:pt>
    <dgm:pt modelId="{3EF7D1E1-7270-4142-8798-C33ED1BBE10A}" type="parTrans" cxnId="{189CD6BC-00D5-44F9-A72B-B378B64EA04D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58BF2611-3A19-484B-AEC1-7BC195263202}" type="sibTrans" cxnId="{189CD6BC-00D5-44F9-A72B-B378B64EA04D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9253CFDB-FDC1-4E74-B308-5F6E192F8555}">
      <dgm:prSet phldrT="[Text]" custT="1"/>
      <dgm:spPr/>
      <dgm:t>
        <a:bodyPr/>
        <a:lstStyle/>
        <a:p>
          <a:r>
            <a:rPr lang="en-US" sz="1050" smtClean="0"/>
            <a:t>Online Payments</a:t>
          </a:r>
          <a:endParaRPr lang="en-US" sz="1050" dirty="0"/>
        </a:p>
      </dgm:t>
    </dgm:pt>
    <dgm:pt modelId="{88F9F7F3-4707-43B5-A2B1-6932BD7E3DB0}" type="parTrans" cxnId="{60C11A0E-4EBE-4CF6-BD50-8BCBDBDDB9D5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5872228C-A8CB-4599-B81E-54E508264FE3}" type="sibTrans" cxnId="{60C11A0E-4EBE-4CF6-BD50-8BCBDBDDB9D5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70141F77-17DA-4513-85D9-A8F859986FD4}">
      <dgm:prSet phldrT="[Text]" custT="1"/>
      <dgm:spPr/>
      <dgm:t>
        <a:bodyPr/>
        <a:lstStyle/>
        <a:p>
          <a:r>
            <a:rPr lang="en-US" sz="1050" smtClean="0"/>
            <a:t>Push message &amp; message box</a:t>
          </a:r>
          <a:endParaRPr lang="en-US" sz="1050" dirty="0" smtClean="0"/>
        </a:p>
      </dgm:t>
    </dgm:pt>
    <dgm:pt modelId="{E7AC51A7-89FA-47F7-9956-48A7213A3258}" type="parTrans" cxnId="{697E3A23-D7D4-4D45-99A2-FDEDC7D09CB4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7378F344-D0C5-45B3-BBDA-2F5A208D0C92}" type="sibTrans" cxnId="{697E3A23-D7D4-4D45-99A2-FDEDC7D09CB4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D862F759-61F0-476E-B991-72CC35C226C8}">
      <dgm:prSet phldrT="[Text]" custT="1"/>
      <dgm:spPr/>
      <dgm:t>
        <a:bodyPr/>
        <a:lstStyle/>
        <a:p>
          <a:r>
            <a:rPr lang="en-US" sz="1050" smtClean="0"/>
            <a:t>POSs and Recollection Branches</a:t>
          </a:r>
          <a:endParaRPr lang="en-US" sz="1050" dirty="0"/>
        </a:p>
      </dgm:t>
    </dgm:pt>
    <dgm:pt modelId="{4F189A55-E65B-4909-9590-B6883521D74D}" type="parTrans" cxnId="{8BFC50DB-8A06-4F9A-9F89-64CD274879B4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25BBAAE7-2BA4-40FC-83F3-A1D0B9A4EA23}" type="sibTrans" cxnId="{8BFC50DB-8A06-4F9A-9F89-64CD274879B4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FB61FD5D-E501-405D-9FC7-56E82B3B5A16}">
      <dgm:prSet phldrT="[Text]" custT="1"/>
      <dgm:spPr/>
      <dgm:t>
        <a:bodyPr/>
        <a:lstStyle/>
        <a:p>
          <a:r>
            <a:rPr lang="en-US" sz="1050" smtClean="0"/>
            <a:t>Customer Profile (Wish-list, Hobbies)</a:t>
          </a:r>
          <a:endParaRPr lang="en-US" sz="1050" dirty="0"/>
        </a:p>
      </dgm:t>
    </dgm:pt>
    <dgm:pt modelId="{C839CD9C-06AB-4EE2-9308-BDD63A8AF107}" type="parTrans" cxnId="{BFFF2C77-DEC0-4E2D-BA2E-E6366EAC2AA5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131356B3-5BF0-41DD-AB2A-05024C78138C}" type="sibTrans" cxnId="{BFFF2C77-DEC0-4E2D-BA2E-E6366EAC2AA5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D23FDA96-80D0-45DA-8D21-33AC79FD6D9E}">
      <dgm:prSet phldrT="[Text]" custT="1"/>
      <dgm:spPr/>
      <dgm:t>
        <a:bodyPr/>
        <a:lstStyle/>
        <a:p>
          <a:r>
            <a:rPr lang="en-US" sz="1050" smtClean="0"/>
            <a:t>Production info, Tips, FAQ, Hotline</a:t>
          </a:r>
          <a:endParaRPr lang="en-US" sz="1050" dirty="0" smtClean="0"/>
        </a:p>
      </dgm:t>
    </dgm:pt>
    <dgm:pt modelId="{73AF38A6-B40D-4778-848D-A8A41320155D}" type="parTrans" cxnId="{6818EF13-916D-433C-9305-6EFF81F54AFC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0E099BF9-C37B-4573-961B-F3B24FE4CDF8}" type="sibTrans" cxnId="{6818EF13-916D-433C-9305-6EFF81F54AFC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246E5E5C-680C-40A9-B9D3-852DEE22A921}">
      <dgm:prSet phldrT="[Text]" custT="1"/>
      <dgm:spPr/>
      <dgm:t>
        <a:bodyPr/>
        <a:lstStyle/>
        <a:p>
          <a:r>
            <a:rPr lang="en-US" sz="1050" smtClean="0"/>
            <a:t>Loan calculator</a:t>
          </a:r>
          <a:endParaRPr lang="en-US" sz="1050" dirty="0" smtClean="0"/>
        </a:p>
      </dgm:t>
    </dgm:pt>
    <dgm:pt modelId="{A510EACB-B040-4843-96DE-9F54AB8C145A}" type="parTrans" cxnId="{8938CC99-73EA-40D4-8045-CDB19A7A6D91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A62DA0A3-1E0D-41FF-85DB-366C31FC0B13}" type="sibTrans" cxnId="{8938CC99-73EA-40D4-8045-CDB19A7A6D91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14E645C7-CC62-4175-B063-FC63BF28BE7E}">
      <dgm:prSet phldrT="[Text]" custT="1"/>
      <dgm:spPr/>
      <dgm:t>
        <a:bodyPr/>
        <a:lstStyle/>
        <a:p>
          <a:r>
            <a:rPr lang="en-US" sz="1050" smtClean="0"/>
            <a:t>Apply now</a:t>
          </a:r>
          <a:endParaRPr lang="en-US" sz="1050" dirty="0" smtClean="0"/>
        </a:p>
      </dgm:t>
    </dgm:pt>
    <dgm:pt modelId="{5AB7C8DB-0EBC-402A-99DA-095FAD4BC35D}" type="parTrans" cxnId="{62CCBB8B-8987-4A6F-8444-9F58AA6446E8}">
      <dgm:prSet custT="1"/>
      <dgm:spPr/>
      <dgm:t>
        <a:bodyPr/>
        <a:lstStyle/>
        <a:p>
          <a:endParaRPr lang="en-GB" sz="700">
            <a:solidFill>
              <a:schemeClr val="bg1"/>
            </a:solidFill>
          </a:endParaRPr>
        </a:p>
      </dgm:t>
    </dgm:pt>
    <dgm:pt modelId="{882192EC-808E-4ECB-9695-A57072229294}" type="sibTrans" cxnId="{62CCBB8B-8987-4A6F-8444-9F58AA6446E8}">
      <dgm:prSet/>
      <dgm:spPr/>
      <dgm:t>
        <a:bodyPr/>
        <a:lstStyle/>
        <a:p>
          <a:endParaRPr lang="en-GB" sz="2400">
            <a:solidFill>
              <a:schemeClr val="bg1"/>
            </a:solidFill>
          </a:endParaRPr>
        </a:p>
      </dgm:t>
    </dgm:pt>
    <dgm:pt modelId="{9E286FA6-BD48-40C7-B46D-499ED57A0852}">
      <dgm:prSet phldrT="[Text]" custT="1"/>
      <dgm:spPr/>
      <dgm:t>
        <a:bodyPr/>
        <a:lstStyle/>
        <a:p>
          <a:r>
            <a:rPr lang="en-US" sz="1050" smtClean="0"/>
            <a:t>Loan &amp; Credit Card</a:t>
          </a:r>
          <a:endParaRPr lang="en-US" sz="1050" dirty="0"/>
        </a:p>
      </dgm:t>
    </dgm:pt>
    <dgm:pt modelId="{13344B3E-18A5-4D81-8A31-D79CCECBC2CF}" type="parTrans" cxnId="{E4CBBB95-2CB5-4960-A9FA-6144EAFF543D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F95E8DFE-7A09-446E-897A-E7D6DC754370}" type="sibTrans" cxnId="{E4CBBB95-2CB5-4960-A9FA-6144EAFF543D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47B9DF8F-3239-4835-9A88-8CB542C36E07}">
      <dgm:prSet phldrT="[Text]" custT="1"/>
      <dgm:spPr/>
      <dgm:t>
        <a:bodyPr/>
        <a:lstStyle/>
        <a:p>
          <a:r>
            <a:rPr lang="en-US" sz="1050" dirty="0" smtClean="0"/>
            <a:t>3</a:t>
          </a:r>
          <a:r>
            <a:rPr lang="en-US" sz="1050" baseline="30000" dirty="0" smtClean="0"/>
            <a:t>rd</a:t>
          </a:r>
          <a:r>
            <a:rPr lang="en-US" sz="1050" dirty="0" smtClean="0"/>
            <a:t> party Integration</a:t>
          </a:r>
        </a:p>
      </dgm:t>
    </dgm:pt>
    <dgm:pt modelId="{2F0C2425-88C4-40EF-BFE2-743F31997777}" type="parTrans" cxnId="{719F280F-8CF2-4D8D-A074-1A52E1C5B689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837ED6D3-9E90-4D91-A3C2-36B7F2EB69A4}" type="sibTrans" cxnId="{719F280F-8CF2-4D8D-A074-1A52E1C5B689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1663B59A-B776-420A-9924-1A4E9102D687}">
      <dgm:prSet phldrT="[Text]" custT="1"/>
      <dgm:spPr/>
      <dgm:t>
        <a:bodyPr/>
        <a:lstStyle/>
        <a:p>
          <a:r>
            <a:rPr lang="en-GB" sz="1050" smtClean="0"/>
            <a:t>Tracking customer activity and behavior</a:t>
          </a:r>
          <a:endParaRPr lang="en-US" sz="1050" dirty="0" smtClean="0"/>
        </a:p>
      </dgm:t>
    </dgm:pt>
    <dgm:pt modelId="{C384B265-4AC9-4DE3-A65B-A48A01B61F4A}" type="parTrans" cxnId="{B5907DD4-020E-4C92-9CC0-C75935DF410F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13DAC174-92C3-4A98-9587-45A13FBA9B45}" type="sibTrans" cxnId="{B5907DD4-020E-4C92-9CC0-C75935DF410F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D0DA9C25-F4F2-41A9-BE02-F18328981A1F}">
      <dgm:prSet phldrT="[Text]" custT="1"/>
      <dgm:spPr/>
      <dgm:t>
        <a:bodyPr/>
        <a:lstStyle/>
        <a:p>
          <a:r>
            <a:rPr lang="en-US" sz="1050" smtClean="0"/>
            <a:t>Promotion and reward</a:t>
          </a:r>
          <a:endParaRPr lang="en-US" sz="1050" dirty="0" smtClean="0"/>
        </a:p>
      </dgm:t>
    </dgm:pt>
    <dgm:pt modelId="{C29AC747-0CF2-4900-8D20-7B2258D82944}" type="parTrans" cxnId="{84DF4D88-694D-49EB-94A8-0915D2F5A7C4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9E389E35-CC8A-43F9-A80A-B823CA254A63}" type="sibTrans" cxnId="{84DF4D88-694D-49EB-94A8-0915D2F5A7C4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6C175A49-6CE2-4521-9F1B-EC7AB1B51B10}">
      <dgm:prSet phldrT="[Text]" custT="1"/>
      <dgm:spPr/>
      <dgm:t>
        <a:bodyPr/>
        <a:lstStyle/>
        <a:p>
          <a:r>
            <a:rPr lang="en-US" sz="1050" smtClean="0"/>
            <a:t>Focus on improved UX</a:t>
          </a:r>
          <a:endParaRPr lang="en-US" sz="1050" dirty="0" smtClean="0"/>
        </a:p>
      </dgm:t>
    </dgm:pt>
    <dgm:pt modelId="{1845C8EB-9A08-499B-8563-1447A4E53EC9}" type="parTrans" cxnId="{9CF1B5E3-EAC1-4B7F-9A9D-63B9CBF4F53B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7DD50500-3C26-4096-8104-3AB3593DBC3C}" type="sibTrans" cxnId="{9CF1B5E3-EAC1-4B7F-9A9D-63B9CBF4F53B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E5D85591-D4A3-490A-981C-41B30A085031}">
      <dgm:prSet phldrT="[Text]" custT="1"/>
      <dgm:spPr/>
      <dgm:t>
        <a:bodyPr/>
        <a:lstStyle/>
        <a:p>
          <a:r>
            <a:rPr lang="en-US" sz="1050" smtClean="0"/>
            <a:t>Offline mode</a:t>
          </a:r>
          <a:endParaRPr lang="en-US" sz="1050" dirty="0" smtClean="0"/>
        </a:p>
      </dgm:t>
    </dgm:pt>
    <dgm:pt modelId="{5B637012-43DF-4417-91DA-9A60A82E5E0D}" type="parTrans" cxnId="{7B697537-3006-4B3B-89D8-E742DC644C20}">
      <dgm:prSet custT="1"/>
      <dgm:spPr/>
      <dgm:t>
        <a:bodyPr/>
        <a:lstStyle/>
        <a:p>
          <a:endParaRPr lang="en-US" sz="700">
            <a:solidFill>
              <a:schemeClr val="bg1"/>
            </a:solidFill>
          </a:endParaRPr>
        </a:p>
      </dgm:t>
    </dgm:pt>
    <dgm:pt modelId="{6735E296-B78A-4449-9B4C-9548E31876C7}" type="sibTrans" cxnId="{7B697537-3006-4B3B-89D8-E742DC644C20}">
      <dgm:prSet/>
      <dgm:spPr/>
      <dgm:t>
        <a:bodyPr/>
        <a:lstStyle/>
        <a:p>
          <a:endParaRPr lang="en-US" sz="2400">
            <a:solidFill>
              <a:schemeClr val="bg1"/>
            </a:solidFill>
          </a:endParaRPr>
        </a:p>
      </dgm:t>
    </dgm:pt>
    <dgm:pt modelId="{D00AC0C3-6129-4D83-B750-B7EAB3988524}" type="pres">
      <dgm:prSet presAssocID="{67212031-9453-451A-B454-00B3BCC22817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95EBFE0-A08C-41FB-BCD0-B97CC4CA0A6A}" type="pres">
      <dgm:prSet presAssocID="{CE985989-39C2-4E24-8743-9EE0E6A7DB8C}" presName="centerShape" presStyleLbl="node0" presStyleIdx="0" presStyleCnt="1"/>
      <dgm:spPr/>
      <dgm:t>
        <a:bodyPr/>
        <a:lstStyle/>
        <a:p>
          <a:endParaRPr lang="en-US"/>
        </a:p>
      </dgm:t>
    </dgm:pt>
    <dgm:pt modelId="{ACB1BD7E-98A6-4E92-A583-8B8042FA2074}" type="pres">
      <dgm:prSet presAssocID="{88F9F7F3-4707-43B5-A2B1-6932BD7E3DB0}" presName="Name9" presStyleLbl="parChTrans1D2" presStyleIdx="0" presStyleCnt="13"/>
      <dgm:spPr/>
      <dgm:t>
        <a:bodyPr/>
        <a:lstStyle/>
        <a:p>
          <a:endParaRPr lang="en-US"/>
        </a:p>
      </dgm:t>
    </dgm:pt>
    <dgm:pt modelId="{92723613-59D8-4D02-9D89-10A7F9D39799}" type="pres">
      <dgm:prSet presAssocID="{88F9F7F3-4707-43B5-A2B1-6932BD7E3DB0}" presName="connTx" presStyleLbl="parChTrans1D2" presStyleIdx="0" presStyleCnt="13"/>
      <dgm:spPr/>
      <dgm:t>
        <a:bodyPr/>
        <a:lstStyle/>
        <a:p>
          <a:endParaRPr lang="en-US"/>
        </a:p>
      </dgm:t>
    </dgm:pt>
    <dgm:pt modelId="{FB914967-FF1A-491E-B5DC-5AA787672EB7}" type="pres">
      <dgm:prSet presAssocID="{9253CFDB-FDC1-4E74-B308-5F6E192F8555}" presName="node" presStyleLbl="node1" presStyleIdx="0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2E4FD5E-FF04-4A70-9A4B-230177841CCD}" type="pres">
      <dgm:prSet presAssocID="{13344B3E-18A5-4D81-8A31-D79CCECBC2CF}" presName="Name9" presStyleLbl="parChTrans1D2" presStyleIdx="1" presStyleCnt="13"/>
      <dgm:spPr/>
      <dgm:t>
        <a:bodyPr/>
        <a:lstStyle/>
        <a:p>
          <a:endParaRPr lang="en-US"/>
        </a:p>
      </dgm:t>
    </dgm:pt>
    <dgm:pt modelId="{5A7C0D2E-9032-4FB6-BAD9-EA74F9572D64}" type="pres">
      <dgm:prSet presAssocID="{13344B3E-18A5-4D81-8A31-D79CCECBC2CF}" presName="connTx" presStyleLbl="parChTrans1D2" presStyleIdx="1" presStyleCnt="13"/>
      <dgm:spPr/>
      <dgm:t>
        <a:bodyPr/>
        <a:lstStyle/>
        <a:p>
          <a:endParaRPr lang="en-US"/>
        </a:p>
      </dgm:t>
    </dgm:pt>
    <dgm:pt modelId="{26B00666-B580-44FD-A028-6806AE406E53}" type="pres">
      <dgm:prSet presAssocID="{9E286FA6-BD48-40C7-B46D-499ED57A0852}" presName="node" presStyleLbl="node1" presStyleIdx="1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FB06CCD-9D50-4ACB-8D65-DA395567F998}" type="pres">
      <dgm:prSet presAssocID="{E7AC51A7-89FA-47F7-9956-48A7213A3258}" presName="Name9" presStyleLbl="parChTrans1D2" presStyleIdx="2" presStyleCnt="13"/>
      <dgm:spPr/>
      <dgm:t>
        <a:bodyPr/>
        <a:lstStyle/>
        <a:p>
          <a:endParaRPr lang="en-US"/>
        </a:p>
      </dgm:t>
    </dgm:pt>
    <dgm:pt modelId="{8E09C13B-2391-47F9-A168-C8105BA55BE9}" type="pres">
      <dgm:prSet presAssocID="{E7AC51A7-89FA-47F7-9956-48A7213A3258}" presName="connTx" presStyleLbl="parChTrans1D2" presStyleIdx="2" presStyleCnt="13"/>
      <dgm:spPr/>
      <dgm:t>
        <a:bodyPr/>
        <a:lstStyle/>
        <a:p>
          <a:endParaRPr lang="en-US"/>
        </a:p>
      </dgm:t>
    </dgm:pt>
    <dgm:pt modelId="{60F50CA5-0F47-4657-96D1-721DB4E2FBAC}" type="pres">
      <dgm:prSet presAssocID="{70141F77-17DA-4513-85D9-A8F859986FD4}" presName="node" presStyleLbl="node1" presStyleIdx="2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A0441D5-BE51-4D42-9C6E-BAD7491C29BC}" type="pres">
      <dgm:prSet presAssocID="{4F189A55-E65B-4909-9590-B6883521D74D}" presName="Name9" presStyleLbl="parChTrans1D2" presStyleIdx="3" presStyleCnt="13"/>
      <dgm:spPr/>
      <dgm:t>
        <a:bodyPr/>
        <a:lstStyle/>
        <a:p>
          <a:endParaRPr lang="en-US"/>
        </a:p>
      </dgm:t>
    </dgm:pt>
    <dgm:pt modelId="{23A3946A-6634-48B9-9CB4-5258857D2583}" type="pres">
      <dgm:prSet presAssocID="{4F189A55-E65B-4909-9590-B6883521D74D}" presName="connTx" presStyleLbl="parChTrans1D2" presStyleIdx="3" presStyleCnt="13"/>
      <dgm:spPr/>
      <dgm:t>
        <a:bodyPr/>
        <a:lstStyle/>
        <a:p>
          <a:endParaRPr lang="en-US"/>
        </a:p>
      </dgm:t>
    </dgm:pt>
    <dgm:pt modelId="{C72E83B6-5F72-4880-98AB-2D4FFBDF53B3}" type="pres">
      <dgm:prSet presAssocID="{D862F759-61F0-476E-B991-72CC35C226C8}" presName="node" presStyleLbl="node1" presStyleIdx="3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FF20F50-3D39-441A-A6A6-084C1F184525}" type="pres">
      <dgm:prSet presAssocID="{C839CD9C-06AB-4EE2-9308-BDD63A8AF107}" presName="Name9" presStyleLbl="parChTrans1D2" presStyleIdx="4" presStyleCnt="13"/>
      <dgm:spPr/>
      <dgm:t>
        <a:bodyPr/>
        <a:lstStyle/>
        <a:p>
          <a:endParaRPr lang="en-US"/>
        </a:p>
      </dgm:t>
    </dgm:pt>
    <dgm:pt modelId="{8F2F9E71-13A9-42CA-8A34-08F696F207CA}" type="pres">
      <dgm:prSet presAssocID="{C839CD9C-06AB-4EE2-9308-BDD63A8AF107}" presName="connTx" presStyleLbl="parChTrans1D2" presStyleIdx="4" presStyleCnt="13"/>
      <dgm:spPr/>
      <dgm:t>
        <a:bodyPr/>
        <a:lstStyle/>
        <a:p>
          <a:endParaRPr lang="en-US"/>
        </a:p>
      </dgm:t>
    </dgm:pt>
    <dgm:pt modelId="{A1D9B1E4-41CB-4CD7-B4DC-D5EE061D3F87}" type="pres">
      <dgm:prSet presAssocID="{FB61FD5D-E501-405D-9FC7-56E82B3B5A16}" presName="node" presStyleLbl="node1" presStyleIdx="4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6577D-B856-46C9-B8CA-FC2E7DDE2DC5}" type="pres">
      <dgm:prSet presAssocID="{73AF38A6-B40D-4778-848D-A8A41320155D}" presName="Name9" presStyleLbl="parChTrans1D2" presStyleIdx="5" presStyleCnt="13"/>
      <dgm:spPr/>
      <dgm:t>
        <a:bodyPr/>
        <a:lstStyle/>
        <a:p>
          <a:endParaRPr lang="en-US"/>
        </a:p>
      </dgm:t>
    </dgm:pt>
    <dgm:pt modelId="{0EFC2D4A-DF19-40FF-85DF-BF31362FF28D}" type="pres">
      <dgm:prSet presAssocID="{73AF38A6-B40D-4778-848D-A8A41320155D}" presName="connTx" presStyleLbl="parChTrans1D2" presStyleIdx="5" presStyleCnt="13"/>
      <dgm:spPr/>
      <dgm:t>
        <a:bodyPr/>
        <a:lstStyle/>
        <a:p>
          <a:endParaRPr lang="en-US"/>
        </a:p>
      </dgm:t>
    </dgm:pt>
    <dgm:pt modelId="{40AF190A-CD3C-4EA5-84CB-EFD44BFB0180}" type="pres">
      <dgm:prSet presAssocID="{D23FDA96-80D0-45DA-8D21-33AC79FD6D9E}" presName="node" presStyleLbl="node1" presStyleIdx="5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4440FBD-33E8-489B-B4DE-979CEF1595E0}" type="pres">
      <dgm:prSet presAssocID="{A510EACB-B040-4843-96DE-9F54AB8C145A}" presName="Name9" presStyleLbl="parChTrans1D2" presStyleIdx="6" presStyleCnt="13"/>
      <dgm:spPr/>
      <dgm:t>
        <a:bodyPr/>
        <a:lstStyle/>
        <a:p>
          <a:endParaRPr lang="en-US"/>
        </a:p>
      </dgm:t>
    </dgm:pt>
    <dgm:pt modelId="{3767C225-F53E-452D-AD89-2E59422FE92E}" type="pres">
      <dgm:prSet presAssocID="{A510EACB-B040-4843-96DE-9F54AB8C145A}" presName="connTx" presStyleLbl="parChTrans1D2" presStyleIdx="6" presStyleCnt="13"/>
      <dgm:spPr/>
      <dgm:t>
        <a:bodyPr/>
        <a:lstStyle/>
        <a:p>
          <a:endParaRPr lang="en-US"/>
        </a:p>
      </dgm:t>
    </dgm:pt>
    <dgm:pt modelId="{BE018A27-DC0F-445C-B7E6-F442E88D3048}" type="pres">
      <dgm:prSet presAssocID="{246E5E5C-680C-40A9-B9D3-852DEE22A921}" presName="node" presStyleLbl="node1" presStyleIdx="6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8895F14-A07C-4C35-9FA5-E1E8AA7402BA}" type="pres">
      <dgm:prSet presAssocID="{5AB7C8DB-0EBC-402A-99DA-095FAD4BC35D}" presName="Name9" presStyleLbl="parChTrans1D2" presStyleIdx="7" presStyleCnt="13"/>
      <dgm:spPr/>
      <dgm:t>
        <a:bodyPr/>
        <a:lstStyle/>
        <a:p>
          <a:endParaRPr lang="en-GB"/>
        </a:p>
      </dgm:t>
    </dgm:pt>
    <dgm:pt modelId="{48F4F942-2FFC-4023-AC4D-805FC8ED4470}" type="pres">
      <dgm:prSet presAssocID="{5AB7C8DB-0EBC-402A-99DA-095FAD4BC35D}" presName="connTx" presStyleLbl="parChTrans1D2" presStyleIdx="7" presStyleCnt="13"/>
      <dgm:spPr/>
      <dgm:t>
        <a:bodyPr/>
        <a:lstStyle/>
        <a:p>
          <a:endParaRPr lang="en-GB"/>
        </a:p>
      </dgm:t>
    </dgm:pt>
    <dgm:pt modelId="{064FA84B-D925-4EC6-B528-1149782BE6B5}" type="pres">
      <dgm:prSet presAssocID="{14E645C7-CC62-4175-B063-FC63BF28BE7E}" presName="node" presStyleLbl="node1" presStyleIdx="7" presStyleCnt="13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BA02ADD9-8675-4EF6-9C78-04DADBA54D96}" type="pres">
      <dgm:prSet presAssocID="{2F0C2425-88C4-40EF-BFE2-743F31997777}" presName="Name9" presStyleLbl="parChTrans1D2" presStyleIdx="8" presStyleCnt="13"/>
      <dgm:spPr/>
      <dgm:t>
        <a:bodyPr/>
        <a:lstStyle/>
        <a:p>
          <a:endParaRPr lang="en-US"/>
        </a:p>
      </dgm:t>
    </dgm:pt>
    <dgm:pt modelId="{1447397D-3D35-4DD5-A1DE-AE3A238B9508}" type="pres">
      <dgm:prSet presAssocID="{2F0C2425-88C4-40EF-BFE2-743F31997777}" presName="connTx" presStyleLbl="parChTrans1D2" presStyleIdx="8" presStyleCnt="13"/>
      <dgm:spPr/>
      <dgm:t>
        <a:bodyPr/>
        <a:lstStyle/>
        <a:p>
          <a:endParaRPr lang="en-US"/>
        </a:p>
      </dgm:t>
    </dgm:pt>
    <dgm:pt modelId="{37C063FC-D560-4C50-8EE7-6BCC9BC9B3D4}" type="pres">
      <dgm:prSet presAssocID="{47B9DF8F-3239-4835-9A88-8CB542C36E07}" presName="node" presStyleLbl="node1" presStyleIdx="8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C904CD6-86BB-4DC0-B676-E4F4E52C73A0}" type="pres">
      <dgm:prSet presAssocID="{C384B265-4AC9-4DE3-A65B-A48A01B61F4A}" presName="Name9" presStyleLbl="parChTrans1D2" presStyleIdx="9" presStyleCnt="13"/>
      <dgm:spPr/>
      <dgm:t>
        <a:bodyPr/>
        <a:lstStyle/>
        <a:p>
          <a:endParaRPr lang="en-US"/>
        </a:p>
      </dgm:t>
    </dgm:pt>
    <dgm:pt modelId="{96AD28F6-EE2B-4203-9C78-15DCC4BEE7EE}" type="pres">
      <dgm:prSet presAssocID="{C384B265-4AC9-4DE3-A65B-A48A01B61F4A}" presName="connTx" presStyleLbl="parChTrans1D2" presStyleIdx="9" presStyleCnt="13"/>
      <dgm:spPr/>
      <dgm:t>
        <a:bodyPr/>
        <a:lstStyle/>
        <a:p>
          <a:endParaRPr lang="en-US"/>
        </a:p>
      </dgm:t>
    </dgm:pt>
    <dgm:pt modelId="{4A0E5996-7849-4B37-9D94-0D676E9A6580}" type="pres">
      <dgm:prSet presAssocID="{1663B59A-B776-420A-9924-1A4E9102D687}" presName="node" presStyleLbl="node1" presStyleIdx="9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5CF0434-4A0D-45BA-A59A-79CBB7ED52D5}" type="pres">
      <dgm:prSet presAssocID="{C29AC747-0CF2-4900-8D20-7B2258D82944}" presName="Name9" presStyleLbl="parChTrans1D2" presStyleIdx="10" presStyleCnt="13"/>
      <dgm:spPr/>
      <dgm:t>
        <a:bodyPr/>
        <a:lstStyle/>
        <a:p>
          <a:endParaRPr lang="en-US"/>
        </a:p>
      </dgm:t>
    </dgm:pt>
    <dgm:pt modelId="{3AB76BC8-2E31-41C0-AF67-96F8F22A90AD}" type="pres">
      <dgm:prSet presAssocID="{C29AC747-0CF2-4900-8D20-7B2258D82944}" presName="connTx" presStyleLbl="parChTrans1D2" presStyleIdx="10" presStyleCnt="13"/>
      <dgm:spPr/>
      <dgm:t>
        <a:bodyPr/>
        <a:lstStyle/>
        <a:p>
          <a:endParaRPr lang="en-US"/>
        </a:p>
      </dgm:t>
    </dgm:pt>
    <dgm:pt modelId="{8048D199-4A25-47F0-909F-B91A7C5C6306}" type="pres">
      <dgm:prSet presAssocID="{D0DA9C25-F4F2-41A9-BE02-F18328981A1F}" presName="node" presStyleLbl="node1" presStyleIdx="10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A3815F0-11A8-45B9-96E5-01AF00A086AC}" type="pres">
      <dgm:prSet presAssocID="{1845C8EB-9A08-499B-8563-1447A4E53EC9}" presName="Name9" presStyleLbl="parChTrans1D2" presStyleIdx="11" presStyleCnt="13"/>
      <dgm:spPr/>
      <dgm:t>
        <a:bodyPr/>
        <a:lstStyle/>
        <a:p>
          <a:endParaRPr lang="en-US"/>
        </a:p>
      </dgm:t>
    </dgm:pt>
    <dgm:pt modelId="{195F6D3C-5209-4F2D-842B-C719DA9DF752}" type="pres">
      <dgm:prSet presAssocID="{1845C8EB-9A08-499B-8563-1447A4E53EC9}" presName="connTx" presStyleLbl="parChTrans1D2" presStyleIdx="11" presStyleCnt="13"/>
      <dgm:spPr/>
      <dgm:t>
        <a:bodyPr/>
        <a:lstStyle/>
        <a:p>
          <a:endParaRPr lang="en-US"/>
        </a:p>
      </dgm:t>
    </dgm:pt>
    <dgm:pt modelId="{7CA2EFB0-72C1-4C7D-B105-4868AA0F34FF}" type="pres">
      <dgm:prSet presAssocID="{6C175A49-6CE2-4521-9F1B-EC7AB1B51B10}" presName="node" presStyleLbl="node1" presStyleIdx="11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80D9288-984D-4354-BB56-2F54BF918641}" type="pres">
      <dgm:prSet presAssocID="{5B637012-43DF-4417-91DA-9A60A82E5E0D}" presName="Name9" presStyleLbl="parChTrans1D2" presStyleIdx="12" presStyleCnt="13"/>
      <dgm:spPr/>
      <dgm:t>
        <a:bodyPr/>
        <a:lstStyle/>
        <a:p>
          <a:endParaRPr lang="en-US"/>
        </a:p>
      </dgm:t>
    </dgm:pt>
    <dgm:pt modelId="{18C861C4-6B94-48E1-B85F-7475302784B0}" type="pres">
      <dgm:prSet presAssocID="{5B637012-43DF-4417-91DA-9A60A82E5E0D}" presName="connTx" presStyleLbl="parChTrans1D2" presStyleIdx="12" presStyleCnt="13"/>
      <dgm:spPr/>
      <dgm:t>
        <a:bodyPr/>
        <a:lstStyle/>
        <a:p>
          <a:endParaRPr lang="en-US"/>
        </a:p>
      </dgm:t>
    </dgm:pt>
    <dgm:pt modelId="{C93934A4-875F-47D9-8C1D-0E1F26B76297}" type="pres">
      <dgm:prSet presAssocID="{E5D85591-D4A3-490A-981C-41B30A085031}" presName="node" presStyleLbl="node1" presStyleIdx="12" presStyleCnt="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FD42D35-1EAE-7F48-BF7C-1A50F5880376}" type="presOf" srcId="{6C175A49-6CE2-4521-9F1B-EC7AB1B51B10}" destId="{7CA2EFB0-72C1-4C7D-B105-4868AA0F34FF}" srcOrd="0" destOrd="0" presId="urn:microsoft.com/office/officeart/2005/8/layout/radial1"/>
    <dgm:cxn modelId="{A6DEA050-AF74-924C-89E0-11CD98B1EDE7}" type="presOf" srcId="{C839CD9C-06AB-4EE2-9308-BDD63A8AF107}" destId="{DFF20F50-3D39-441A-A6A6-084C1F184525}" srcOrd="0" destOrd="0" presId="urn:microsoft.com/office/officeart/2005/8/layout/radial1"/>
    <dgm:cxn modelId="{8938CC99-73EA-40D4-8045-CDB19A7A6D91}" srcId="{CE985989-39C2-4E24-8743-9EE0E6A7DB8C}" destId="{246E5E5C-680C-40A9-B9D3-852DEE22A921}" srcOrd="6" destOrd="0" parTransId="{A510EACB-B040-4843-96DE-9F54AB8C145A}" sibTransId="{A62DA0A3-1E0D-41FF-85DB-366C31FC0B13}"/>
    <dgm:cxn modelId="{B59DFB15-E1DD-6F4F-8555-C8B0CD5A82BD}" type="presOf" srcId="{2F0C2425-88C4-40EF-BFE2-743F31997777}" destId="{BA02ADD9-8675-4EF6-9C78-04DADBA54D96}" srcOrd="0" destOrd="0" presId="urn:microsoft.com/office/officeart/2005/8/layout/radial1"/>
    <dgm:cxn modelId="{32A800EF-B18F-4E4B-9889-B161FF07FEFC}" type="presOf" srcId="{73AF38A6-B40D-4778-848D-A8A41320155D}" destId="{E296577D-B856-46C9-B8CA-FC2E7DDE2DC5}" srcOrd="0" destOrd="0" presId="urn:microsoft.com/office/officeart/2005/8/layout/radial1"/>
    <dgm:cxn modelId="{719F280F-8CF2-4D8D-A074-1A52E1C5B689}" srcId="{CE985989-39C2-4E24-8743-9EE0E6A7DB8C}" destId="{47B9DF8F-3239-4835-9A88-8CB542C36E07}" srcOrd="8" destOrd="0" parTransId="{2F0C2425-88C4-40EF-BFE2-743F31997777}" sibTransId="{837ED6D3-9E90-4D91-A3C2-36B7F2EB69A4}"/>
    <dgm:cxn modelId="{BFD7BD2D-EE4A-BC42-8A50-69F73D2FEA02}" type="presOf" srcId="{C384B265-4AC9-4DE3-A65B-A48A01B61F4A}" destId="{AC904CD6-86BB-4DC0-B676-E4F4E52C73A0}" srcOrd="0" destOrd="0" presId="urn:microsoft.com/office/officeart/2005/8/layout/radial1"/>
    <dgm:cxn modelId="{F4BBB723-84F5-3A46-92F4-A4F8D0234B66}" type="presOf" srcId="{246E5E5C-680C-40A9-B9D3-852DEE22A921}" destId="{BE018A27-DC0F-445C-B7E6-F442E88D3048}" srcOrd="0" destOrd="0" presId="urn:microsoft.com/office/officeart/2005/8/layout/radial1"/>
    <dgm:cxn modelId="{864095FB-7ED0-B042-8FB0-7019D839BA17}" type="presOf" srcId="{A510EACB-B040-4843-96DE-9F54AB8C145A}" destId="{A4440FBD-33E8-489B-B4DE-979CEF1595E0}" srcOrd="0" destOrd="0" presId="urn:microsoft.com/office/officeart/2005/8/layout/radial1"/>
    <dgm:cxn modelId="{7B697537-3006-4B3B-89D8-E742DC644C20}" srcId="{CE985989-39C2-4E24-8743-9EE0E6A7DB8C}" destId="{E5D85591-D4A3-490A-981C-41B30A085031}" srcOrd="12" destOrd="0" parTransId="{5B637012-43DF-4417-91DA-9A60A82E5E0D}" sibTransId="{6735E296-B78A-4449-9B4C-9548E31876C7}"/>
    <dgm:cxn modelId="{60C11A0E-4EBE-4CF6-BD50-8BCBDBDDB9D5}" srcId="{CE985989-39C2-4E24-8743-9EE0E6A7DB8C}" destId="{9253CFDB-FDC1-4E74-B308-5F6E192F8555}" srcOrd="0" destOrd="0" parTransId="{88F9F7F3-4707-43B5-A2B1-6932BD7E3DB0}" sibTransId="{5872228C-A8CB-4599-B81E-54E508264FE3}"/>
    <dgm:cxn modelId="{BE48AAA4-D4FA-D341-AAFC-F6F08A65D40F}" type="presOf" srcId="{C384B265-4AC9-4DE3-A65B-A48A01B61F4A}" destId="{96AD28F6-EE2B-4203-9C78-15DCC4BEE7EE}" srcOrd="1" destOrd="0" presId="urn:microsoft.com/office/officeart/2005/8/layout/radial1"/>
    <dgm:cxn modelId="{6402BE0F-32BF-C44E-82F7-900AB46DB296}" type="presOf" srcId="{47B9DF8F-3239-4835-9A88-8CB542C36E07}" destId="{37C063FC-D560-4C50-8EE7-6BCC9BC9B3D4}" srcOrd="0" destOrd="0" presId="urn:microsoft.com/office/officeart/2005/8/layout/radial1"/>
    <dgm:cxn modelId="{761838B5-A820-A94E-A887-5834FBD9C163}" type="presOf" srcId="{5AB7C8DB-0EBC-402A-99DA-095FAD4BC35D}" destId="{A8895F14-A07C-4C35-9FA5-E1E8AA7402BA}" srcOrd="0" destOrd="0" presId="urn:microsoft.com/office/officeart/2005/8/layout/radial1"/>
    <dgm:cxn modelId="{6818EF13-916D-433C-9305-6EFF81F54AFC}" srcId="{CE985989-39C2-4E24-8743-9EE0E6A7DB8C}" destId="{D23FDA96-80D0-45DA-8D21-33AC79FD6D9E}" srcOrd="5" destOrd="0" parTransId="{73AF38A6-B40D-4778-848D-A8A41320155D}" sibTransId="{0E099BF9-C37B-4573-961B-F3B24FE4CDF8}"/>
    <dgm:cxn modelId="{2A5ED94C-8CEC-EF47-B281-C7C2403D45A1}" type="presOf" srcId="{2F0C2425-88C4-40EF-BFE2-743F31997777}" destId="{1447397D-3D35-4DD5-A1DE-AE3A238B9508}" srcOrd="1" destOrd="0" presId="urn:microsoft.com/office/officeart/2005/8/layout/radial1"/>
    <dgm:cxn modelId="{DBAA0E8D-C61D-2342-A52B-BBBFC0215A6D}" type="presOf" srcId="{C29AC747-0CF2-4900-8D20-7B2258D82944}" destId="{3AB76BC8-2E31-41C0-AF67-96F8F22A90AD}" srcOrd="1" destOrd="0" presId="urn:microsoft.com/office/officeart/2005/8/layout/radial1"/>
    <dgm:cxn modelId="{DCE737B7-0754-BD49-9315-8F223E6CCD77}" type="presOf" srcId="{1663B59A-B776-420A-9924-1A4E9102D687}" destId="{4A0E5996-7849-4B37-9D94-0D676E9A6580}" srcOrd="0" destOrd="0" presId="urn:microsoft.com/office/officeart/2005/8/layout/radial1"/>
    <dgm:cxn modelId="{E26684E0-7F9D-9C47-BD4B-1AD4BAAC7BE5}" type="presOf" srcId="{E5D85591-D4A3-490A-981C-41B30A085031}" destId="{C93934A4-875F-47D9-8C1D-0E1F26B76297}" srcOrd="0" destOrd="0" presId="urn:microsoft.com/office/officeart/2005/8/layout/radial1"/>
    <dgm:cxn modelId="{D31E70CE-EF76-EC4E-AC8A-387CFC27882A}" type="presOf" srcId="{C29AC747-0CF2-4900-8D20-7B2258D82944}" destId="{A5CF0434-4A0D-45BA-A59A-79CBB7ED52D5}" srcOrd="0" destOrd="0" presId="urn:microsoft.com/office/officeart/2005/8/layout/radial1"/>
    <dgm:cxn modelId="{EEC5B896-3A90-4B41-BC5C-2F6B2B894847}" type="presOf" srcId="{5B637012-43DF-4417-91DA-9A60A82E5E0D}" destId="{780D9288-984D-4354-BB56-2F54BF918641}" srcOrd="0" destOrd="0" presId="urn:microsoft.com/office/officeart/2005/8/layout/radial1"/>
    <dgm:cxn modelId="{189CD6BC-00D5-44F9-A72B-B378B64EA04D}" srcId="{67212031-9453-451A-B454-00B3BCC22817}" destId="{CE985989-39C2-4E24-8743-9EE0E6A7DB8C}" srcOrd="0" destOrd="0" parTransId="{3EF7D1E1-7270-4142-8798-C33ED1BBE10A}" sibTransId="{58BF2611-3A19-484B-AEC1-7BC195263202}"/>
    <dgm:cxn modelId="{58B78976-3679-E44D-99EE-1B490CD86A08}" type="presOf" srcId="{70141F77-17DA-4513-85D9-A8F859986FD4}" destId="{60F50CA5-0F47-4657-96D1-721DB4E2FBAC}" srcOrd="0" destOrd="0" presId="urn:microsoft.com/office/officeart/2005/8/layout/radial1"/>
    <dgm:cxn modelId="{A768B688-0A0A-D745-B8C4-0FD87297CB70}" type="presOf" srcId="{9E286FA6-BD48-40C7-B46D-499ED57A0852}" destId="{26B00666-B580-44FD-A028-6806AE406E53}" srcOrd="0" destOrd="0" presId="urn:microsoft.com/office/officeart/2005/8/layout/radial1"/>
    <dgm:cxn modelId="{6965CE66-CC55-1F46-B0C4-53E2329B72CB}" type="presOf" srcId="{C839CD9C-06AB-4EE2-9308-BDD63A8AF107}" destId="{8F2F9E71-13A9-42CA-8A34-08F696F207CA}" srcOrd="1" destOrd="0" presId="urn:microsoft.com/office/officeart/2005/8/layout/radial1"/>
    <dgm:cxn modelId="{84DF4D88-694D-49EB-94A8-0915D2F5A7C4}" srcId="{CE985989-39C2-4E24-8743-9EE0E6A7DB8C}" destId="{D0DA9C25-F4F2-41A9-BE02-F18328981A1F}" srcOrd="10" destOrd="0" parTransId="{C29AC747-0CF2-4900-8D20-7B2258D82944}" sibTransId="{9E389E35-CC8A-43F9-A80A-B823CA254A63}"/>
    <dgm:cxn modelId="{62CCBB8B-8987-4A6F-8444-9F58AA6446E8}" srcId="{CE985989-39C2-4E24-8743-9EE0E6A7DB8C}" destId="{14E645C7-CC62-4175-B063-FC63BF28BE7E}" srcOrd="7" destOrd="0" parTransId="{5AB7C8DB-0EBC-402A-99DA-095FAD4BC35D}" sibTransId="{882192EC-808E-4ECB-9695-A57072229294}"/>
    <dgm:cxn modelId="{6733FA9E-3BC3-D64C-8B36-E1A630F6C195}" type="presOf" srcId="{67212031-9453-451A-B454-00B3BCC22817}" destId="{D00AC0C3-6129-4D83-B750-B7EAB3988524}" srcOrd="0" destOrd="0" presId="urn:microsoft.com/office/officeart/2005/8/layout/radial1"/>
    <dgm:cxn modelId="{9FA1B6D2-4B89-C84E-B74C-00F5E11BECB2}" type="presOf" srcId="{88F9F7F3-4707-43B5-A2B1-6932BD7E3DB0}" destId="{ACB1BD7E-98A6-4E92-A583-8B8042FA2074}" srcOrd="0" destOrd="0" presId="urn:microsoft.com/office/officeart/2005/8/layout/radial1"/>
    <dgm:cxn modelId="{DE3DC9F7-2445-4643-AB2F-4C70393BF8A1}" type="presOf" srcId="{14E645C7-CC62-4175-B063-FC63BF28BE7E}" destId="{064FA84B-D925-4EC6-B528-1149782BE6B5}" srcOrd="0" destOrd="0" presId="urn:microsoft.com/office/officeart/2005/8/layout/radial1"/>
    <dgm:cxn modelId="{CBCB939C-1D54-404E-9803-55F856A64198}" type="presOf" srcId="{13344B3E-18A5-4D81-8A31-D79CCECBC2CF}" destId="{22E4FD5E-FF04-4A70-9A4B-230177841CCD}" srcOrd="0" destOrd="0" presId="urn:microsoft.com/office/officeart/2005/8/layout/radial1"/>
    <dgm:cxn modelId="{8BFC50DB-8A06-4F9A-9F89-64CD274879B4}" srcId="{CE985989-39C2-4E24-8743-9EE0E6A7DB8C}" destId="{D862F759-61F0-476E-B991-72CC35C226C8}" srcOrd="3" destOrd="0" parTransId="{4F189A55-E65B-4909-9590-B6883521D74D}" sibTransId="{25BBAAE7-2BA4-40FC-83F3-A1D0B9A4EA23}"/>
    <dgm:cxn modelId="{E4CBBB95-2CB5-4960-A9FA-6144EAFF543D}" srcId="{CE985989-39C2-4E24-8743-9EE0E6A7DB8C}" destId="{9E286FA6-BD48-40C7-B46D-499ED57A0852}" srcOrd="1" destOrd="0" parTransId="{13344B3E-18A5-4D81-8A31-D79CCECBC2CF}" sibTransId="{F95E8DFE-7A09-446E-897A-E7D6DC754370}"/>
    <dgm:cxn modelId="{3A2A0681-F677-5A43-8A79-DB2893910E4B}" type="presOf" srcId="{FB61FD5D-E501-405D-9FC7-56E82B3B5A16}" destId="{A1D9B1E4-41CB-4CD7-B4DC-D5EE061D3F87}" srcOrd="0" destOrd="0" presId="urn:microsoft.com/office/officeart/2005/8/layout/radial1"/>
    <dgm:cxn modelId="{6ACBC113-8B7B-574B-AD92-C40CAEAAB139}" type="presOf" srcId="{13344B3E-18A5-4D81-8A31-D79CCECBC2CF}" destId="{5A7C0D2E-9032-4FB6-BAD9-EA74F9572D64}" srcOrd="1" destOrd="0" presId="urn:microsoft.com/office/officeart/2005/8/layout/radial1"/>
    <dgm:cxn modelId="{13D37194-B0A7-1144-BD58-1D23BBA35DA3}" type="presOf" srcId="{9253CFDB-FDC1-4E74-B308-5F6E192F8555}" destId="{FB914967-FF1A-491E-B5DC-5AA787672EB7}" srcOrd="0" destOrd="0" presId="urn:microsoft.com/office/officeart/2005/8/layout/radial1"/>
    <dgm:cxn modelId="{6686F23A-3B63-364D-A6AE-D1E7410B73F2}" type="presOf" srcId="{73AF38A6-B40D-4778-848D-A8A41320155D}" destId="{0EFC2D4A-DF19-40FF-85DF-BF31362FF28D}" srcOrd="1" destOrd="0" presId="urn:microsoft.com/office/officeart/2005/8/layout/radial1"/>
    <dgm:cxn modelId="{40D7C7A4-6C2A-4448-833F-307E9F81B165}" type="presOf" srcId="{D23FDA96-80D0-45DA-8D21-33AC79FD6D9E}" destId="{40AF190A-CD3C-4EA5-84CB-EFD44BFB0180}" srcOrd="0" destOrd="0" presId="urn:microsoft.com/office/officeart/2005/8/layout/radial1"/>
    <dgm:cxn modelId="{697E3A23-D7D4-4D45-99A2-FDEDC7D09CB4}" srcId="{CE985989-39C2-4E24-8743-9EE0E6A7DB8C}" destId="{70141F77-17DA-4513-85D9-A8F859986FD4}" srcOrd="2" destOrd="0" parTransId="{E7AC51A7-89FA-47F7-9956-48A7213A3258}" sibTransId="{7378F344-D0C5-45B3-BBDA-2F5A208D0C92}"/>
    <dgm:cxn modelId="{B5907DD4-020E-4C92-9CC0-C75935DF410F}" srcId="{CE985989-39C2-4E24-8743-9EE0E6A7DB8C}" destId="{1663B59A-B776-420A-9924-1A4E9102D687}" srcOrd="9" destOrd="0" parTransId="{C384B265-4AC9-4DE3-A65B-A48A01B61F4A}" sibTransId="{13DAC174-92C3-4A98-9587-45A13FBA9B45}"/>
    <dgm:cxn modelId="{0AB6BBF5-1B5C-4644-899B-BCDBEDE4B5FF}" type="presOf" srcId="{CE985989-39C2-4E24-8743-9EE0E6A7DB8C}" destId="{195EBFE0-A08C-41FB-BCD0-B97CC4CA0A6A}" srcOrd="0" destOrd="0" presId="urn:microsoft.com/office/officeart/2005/8/layout/radial1"/>
    <dgm:cxn modelId="{007113C2-1699-2147-BFCE-E7E8977340A8}" type="presOf" srcId="{A510EACB-B040-4843-96DE-9F54AB8C145A}" destId="{3767C225-F53E-452D-AD89-2E59422FE92E}" srcOrd="1" destOrd="0" presId="urn:microsoft.com/office/officeart/2005/8/layout/radial1"/>
    <dgm:cxn modelId="{7E0B5134-A7FE-E147-A687-D08D69717FA1}" type="presOf" srcId="{4F189A55-E65B-4909-9590-B6883521D74D}" destId="{3A0441D5-BE51-4D42-9C6E-BAD7491C29BC}" srcOrd="0" destOrd="0" presId="urn:microsoft.com/office/officeart/2005/8/layout/radial1"/>
    <dgm:cxn modelId="{60E907F2-4F7E-4E49-88A6-6448BA14B86A}" type="presOf" srcId="{1845C8EB-9A08-499B-8563-1447A4E53EC9}" destId="{195F6D3C-5209-4F2D-842B-C719DA9DF752}" srcOrd="1" destOrd="0" presId="urn:microsoft.com/office/officeart/2005/8/layout/radial1"/>
    <dgm:cxn modelId="{34053432-1FB2-EF45-B965-6635C1F61601}" type="presOf" srcId="{D862F759-61F0-476E-B991-72CC35C226C8}" destId="{C72E83B6-5F72-4880-98AB-2D4FFBDF53B3}" srcOrd="0" destOrd="0" presId="urn:microsoft.com/office/officeart/2005/8/layout/radial1"/>
    <dgm:cxn modelId="{08123568-1B75-3A40-91FB-CD6A09DD340B}" type="presOf" srcId="{E7AC51A7-89FA-47F7-9956-48A7213A3258}" destId="{8E09C13B-2391-47F9-A168-C8105BA55BE9}" srcOrd="1" destOrd="0" presId="urn:microsoft.com/office/officeart/2005/8/layout/radial1"/>
    <dgm:cxn modelId="{9F80AC41-BABD-CA46-A6A6-DF21D5031B80}" type="presOf" srcId="{E7AC51A7-89FA-47F7-9956-48A7213A3258}" destId="{7FB06CCD-9D50-4ACB-8D65-DA395567F998}" srcOrd="0" destOrd="0" presId="urn:microsoft.com/office/officeart/2005/8/layout/radial1"/>
    <dgm:cxn modelId="{9CF1B5E3-EAC1-4B7F-9A9D-63B9CBF4F53B}" srcId="{CE985989-39C2-4E24-8743-9EE0E6A7DB8C}" destId="{6C175A49-6CE2-4521-9F1B-EC7AB1B51B10}" srcOrd="11" destOrd="0" parTransId="{1845C8EB-9A08-499B-8563-1447A4E53EC9}" sibTransId="{7DD50500-3C26-4096-8104-3AB3593DBC3C}"/>
    <dgm:cxn modelId="{337F792D-81E4-3F41-B08B-8B0BD792ED56}" type="presOf" srcId="{5AB7C8DB-0EBC-402A-99DA-095FAD4BC35D}" destId="{48F4F942-2FFC-4023-AC4D-805FC8ED4470}" srcOrd="1" destOrd="0" presId="urn:microsoft.com/office/officeart/2005/8/layout/radial1"/>
    <dgm:cxn modelId="{BFFF2C77-DEC0-4E2D-BA2E-E6366EAC2AA5}" srcId="{CE985989-39C2-4E24-8743-9EE0E6A7DB8C}" destId="{FB61FD5D-E501-405D-9FC7-56E82B3B5A16}" srcOrd="4" destOrd="0" parTransId="{C839CD9C-06AB-4EE2-9308-BDD63A8AF107}" sibTransId="{131356B3-5BF0-41DD-AB2A-05024C78138C}"/>
    <dgm:cxn modelId="{D900A8C5-5767-524A-A6D2-839192F0CD15}" type="presOf" srcId="{4F189A55-E65B-4909-9590-B6883521D74D}" destId="{23A3946A-6634-48B9-9CB4-5258857D2583}" srcOrd="1" destOrd="0" presId="urn:microsoft.com/office/officeart/2005/8/layout/radial1"/>
    <dgm:cxn modelId="{D8C99806-69C1-6C42-87AC-0A5C39810FBA}" type="presOf" srcId="{D0DA9C25-F4F2-41A9-BE02-F18328981A1F}" destId="{8048D199-4A25-47F0-909F-B91A7C5C6306}" srcOrd="0" destOrd="0" presId="urn:microsoft.com/office/officeart/2005/8/layout/radial1"/>
    <dgm:cxn modelId="{B732F492-8379-AD43-BDC6-DF925960BBB4}" type="presOf" srcId="{88F9F7F3-4707-43B5-A2B1-6932BD7E3DB0}" destId="{92723613-59D8-4D02-9D89-10A7F9D39799}" srcOrd="1" destOrd="0" presId="urn:microsoft.com/office/officeart/2005/8/layout/radial1"/>
    <dgm:cxn modelId="{D2FC8778-4C90-8448-80E1-48E24910813D}" type="presOf" srcId="{1845C8EB-9A08-499B-8563-1447A4E53EC9}" destId="{9A3815F0-11A8-45B9-96E5-01AF00A086AC}" srcOrd="0" destOrd="0" presId="urn:microsoft.com/office/officeart/2005/8/layout/radial1"/>
    <dgm:cxn modelId="{970F7245-A9FC-5543-98ED-ACB7A4ACCC71}" type="presOf" srcId="{5B637012-43DF-4417-91DA-9A60A82E5E0D}" destId="{18C861C4-6B94-48E1-B85F-7475302784B0}" srcOrd="1" destOrd="0" presId="urn:microsoft.com/office/officeart/2005/8/layout/radial1"/>
    <dgm:cxn modelId="{107EDE4A-5E54-494C-92BC-86912F75B80E}" type="presParOf" srcId="{D00AC0C3-6129-4D83-B750-B7EAB3988524}" destId="{195EBFE0-A08C-41FB-BCD0-B97CC4CA0A6A}" srcOrd="0" destOrd="0" presId="urn:microsoft.com/office/officeart/2005/8/layout/radial1"/>
    <dgm:cxn modelId="{242FB155-473B-E34D-8748-F7B90BB30334}" type="presParOf" srcId="{D00AC0C3-6129-4D83-B750-B7EAB3988524}" destId="{ACB1BD7E-98A6-4E92-A583-8B8042FA2074}" srcOrd="1" destOrd="0" presId="urn:microsoft.com/office/officeart/2005/8/layout/radial1"/>
    <dgm:cxn modelId="{A5DC93FD-7A18-AC40-B559-513871DA26D8}" type="presParOf" srcId="{ACB1BD7E-98A6-4E92-A583-8B8042FA2074}" destId="{92723613-59D8-4D02-9D89-10A7F9D39799}" srcOrd="0" destOrd="0" presId="urn:microsoft.com/office/officeart/2005/8/layout/radial1"/>
    <dgm:cxn modelId="{2BFAC7F8-BA1D-684A-AAC1-3E0486FED481}" type="presParOf" srcId="{D00AC0C3-6129-4D83-B750-B7EAB3988524}" destId="{FB914967-FF1A-491E-B5DC-5AA787672EB7}" srcOrd="2" destOrd="0" presId="urn:microsoft.com/office/officeart/2005/8/layout/radial1"/>
    <dgm:cxn modelId="{CD0F0E26-A08A-FF45-9B1F-2E05953F05E3}" type="presParOf" srcId="{D00AC0C3-6129-4D83-B750-B7EAB3988524}" destId="{22E4FD5E-FF04-4A70-9A4B-230177841CCD}" srcOrd="3" destOrd="0" presId="urn:microsoft.com/office/officeart/2005/8/layout/radial1"/>
    <dgm:cxn modelId="{E3F77F53-C460-6644-A193-08DF84C9DEBB}" type="presParOf" srcId="{22E4FD5E-FF04-4A70-9A4B-230177841CCD}" destId="{5A7C0D2E-9032-4FB6-BAD9-EA74F9572D64}" srcOrd="0" destOrd="0" presId="urn:microsoft.com/office/officeart/2005/8/layout/radial1"/>
    <dgm:cxn modelId="{74FD1444-0B38-5F47-B8C2-49EEC03C39BA}" type="presParOf" srcId="{D00AC0C3-6129-4D83-B750-B7EAB3988524}" destId="{26B00666-B580-44FD-A028-6806AE406E53}" srcOrd="4" destOrd="0" presId="urn:microsoft.com/office/officeart/2005/8/layout/radial1"/>
    <dgm:cxn modelId="{F9CA7188-1040-C54F-A13A-5F87B71C3CE6}" type="presParOf" srcId="{D00AC0C3-6129-4D83-B750-B7EAB3988524}" destId="{7FB06CCD-9D50-4ACB-8D65-DA395567F998}" srcOrd="5" destOrd="0" presId="urn:microsoft.com/office/officeart/2005/8/layout/radial1"/>
    <dgm:cxn modelId="{06251306-7672-A840-861E-44E2D00A1A45}" type="presParOf" srcId="{7FB06CCD-9D50-4ACB-8D65-DA395567F998}" destId="{8E09C13B-2391-47F9-A168-C8105BA55BE9}" srcOrd="0" destOrd="0" presId="urn:microsoft.com/office/officeart/2005/8/layout/radial1"/>
    <dgm:cxn modelId="{D9A3DDF1-B58D-B844-B4C7-1CE9EF756BE1}" type="presParOf" srcId="{D00AC0C3-6129-4D83-B750-B7EAB3988524}" destId="{60F50CA5-0F47-4657-96D1-721DB4E2FBAC}" srcOrd="6" destOrd="0" presId="urn:microsoft.com/office/officeart/2005/8/layout/radial1"/>
    <dgm:cxn modelId="{C79701C1-E500-EC46-8C78-0F9A3F8D8836}" type="presParOf" srcId="{D00AC0C3-6129-4D83-B750-B7EAB3988524}" destId="{3A0441D5-BE51-4D42-9C6E-BAD7491C29BC}" srcOrd="7" destOrd="0" presId="urn:microsoft.com/office/officeart/2005/8/layout/radial1"/>
    <dgm:cxn modelId="{8931C8F8-0DD2-FD41-A64C-D45F4F4348E5}" type="presParOf" srcId="{3A0441D5-BE51-4D42-9C6E-BAD7491C29BC}" destId="{23A3946A-6634-48B9-9CB4-5258857D2583}" srcOrd="0" destOrd="0" presId="urn:microsoft.com/office/officeart/2005/8/layout/radial1"/>
    <dgm:cxn modelId="{F9A01189-1885-4044-868A-4E5272C15169}" type="presParOf" srcId="{D00AC0C3-6129-4D83-B750-B7EAB3988524}" destId="{C72E83B6-5F72-4880-98AB-2D4FFBDF53B3}" srcOrd="8" destOrd="0" presId="urn:microsoft.com/office/officeart/2005/8/layout/radial1"/>
    <dgm:cxn modelId="{07BD4E16-7A84-2649-8C96-85582C748E1D}" type="presParOf" srcId="{D00AC0C3-6129-4D83-B750-B7EAB3988524}" destId="{DFF20F50-3D39-441A-A6A6-084C1F184525}" srcOrd="9" destOrd="0" presId="urn:microsoft.com/office/officeart/2005/8/layout/radial1"/>
    <dgm:cxn modelId="{B606240F-0553-E440-9B64-7798A0BAEF2F}" type="presParOf" srcId="{DFF20F50-3D39-441A-A6A6-084C1F184525}" destId="{8F2F9E71-13A9-42CA-8A34-08F696F207CA}" srcOrd="0" destOrd="0" presId="urn:microsoft.com/office/officeart/2005/8/layout/radial1"/>
    <dgm:cxn modelId="{9AEA95E3-7702-354D-BDFB-70A3AE32C807}" type="presParOf" srcId="{D00AC0C3-6129-4D83-B750-B7EAB3988524}" destId="{A1D9B1E4-41CB-4CD7-B4DC-D5EE061D3F87}" srcOrd="10" destOrd="0" presId="urn:microsoft.com/office/officeart/2005/8/layout/radial1"/>
    <dgm:cxn modelId="{812BA3D4-9738-FA47-A30F-E2EE1F338EBE}" type="presParOf" srcId="{D00AC0C3-6129-4D83-B750-B7EAB3988524}" destId="{E296577D-B856-46C9-B8CA-FC2E7DDE2DC5}" srcOrd="11" destOrd="0" presId="urn:microsoft.com/office/officeart/2005/8/layout/radial1"/>
    <dgm:cxn modelId="{9F95E061-CE6E-8D40-934A-61A4DA622385}" type="presParOf" srcId="{E296577D-B856-46C9-B8CA-FC2E7DDE2DC5}" destId="{0EFC2D4A-DF19-40FF-85DF-BF31362FF28D}" srcOrd="0" destOrd="0" presId="urn:microsoft.com/office/officeart/2005/8/layout/radial1"/>
    <dgm:cxn modelId="{C9C91D58-1759-9B42-BA4C-97CF94412C96}" type="presParOf" srcId="{D00AC0C3-6129-4D83-B750-B7EAB3988524}" destId="{40AF190A-CD3C-4EA5-84CB-EFD44BFB0180}" srcOrd="12" destOrd="0" presId="urn:microsoft.com/office/officeart/2005/8/layout/radial1"/>
    <dgm:cxn modelId="{DB1E7D2C-7598-1E43-940D-E9F4BC2AACEE}" type="presParOf" srcId="{D00AC0C3-6129-4D83-B750-B7EAB3988524}" destId="{A4440FBD-33E8-489B-B4DE-979CEF1595E0}" srcOrd="13" destOrd="0" presId="urn:microsoft.com/office/officeart/2005/8/layout/radial1"/>
    <dgm:cxn modelId="{49EA4B25-5CD0-E746-B2EC-BF17DFF6241E}" type="presParOf" srcId="{A4440FBD-33E8-489B-B4DE-979CEF1595E0}" destId="{3767C225-F53E-452D-AD89-2E59422FE92E}" srcOrd="0" destOrd="0" presId="urn:microsoft.com/office/officeart/2005/8/layout/radial1"/>
    <dgm:cxn modelId="{201233D9-E5EC-D14B-86A7-EF28D5D42DA6}" type="presParOf" srcId="{D00AC0C3-6129-4D83-B750-B7EAB3988524}" destId="{BE018A27-DC0F-445C-B7E6-F442E88D3048}" srcOrd="14" destOrd="0" presId="urn:microsoft.com/office/officeart/2005/8/layout/radial1"/>
    <dgm:cxn modelId="{CA786EAE-B95B-4742-B959-9E4C0648CDEF}" type="presParOf" srcId="{D00AC0C3-6129-4D83-B750-B7EAB3988524}" destId="{A8895F14-A07C-4C35-9FA5-E1E8AA7402BA}" srcOrd="15" destOrd="0" presId="urn:microsoft.com/office/officeart/2005/8/layout/radial1"/>
    <dgm:cxn modelId="{61587E1F-6D99-2140-82E5-5A9681D3335B}" type="presParOf" srcId="{A8895F14-A07C-4C35-9FA5-E1E8AA7402BA}" destId="{48F4F942-2FFC-4023-AC4D-805FC8ED4470}" srcOrd="0" destOrd="0" presId="urn:microsoft.com/office/officeart/2005/8/layout/radial1"/>
    <dgm:cxn modelId="{FF8EE531-4BF1-E148-AE85-07763C32F64A}" type="presParOf" srcId="{D00AC0C3-6129-4D83-B750-B7EAB3988524}" destId="{064FA84B-D925-4EC6-B528-1149782BE6B5}" srcOrd="16" destOrd="0" presId="urn:microsoft.com/office/officeart/2005/8/layout/radial1"/>
    <dgm:cxn modelId="{6E59137B-2B58-EF4E-B6AE-5E0641EB87BA}" type="presParOf" srcId="{D00AC0C3-6129-4D83-B750-B7EAB3988524}" destId="{BA02ADD9-8675-4EF6-9C78-04DADBA54D96}" srcOrd="17" destOrd="0" presId="urn:microsoft.com/office/officeart/2005/8/layout/radial1"/>
    <dgm:cxn modelId="{14DE7F4B-1496-154E-AAEE-8B62BADFB402}" type="presParOf" srcId="{BA02ADD9-8675-4EF6-9C78-04DADBA54D96}" destId="{1447397D-3D35-4DD5-A1DE-AE3A238B9508}" srcOrd="0" destOrd="0" presId="urn:microsoft.com/office/officeart/2005/8/layout/radial1"/>
    <dgm:cxn modelId="{80A26318-DE44-D14D-B074-46CA02A55550}" type="presParOf" srcId="{D00AC0C3-6129-4D83-B750-B7EAB3988524}" destId="{37C063FC-D560-4C50-8EE7-6BCC9BC9B3D4}" srcOrd="18" destOrd="0" presId="urn:microsoft.com/office/officeart/2005/8/layout/radial1"/>
    <dgm:cxn modelId="{DAE4233B-A74E-4541-91B3-972E6EE963D1}" type="presParOf" srcId="{D00AC0C3-6129-4D83-B750-B7EAB3988524}" destId="{AC904CD6-86BB-4DC0-B676-E4F4E52C73A0}" srcOrd="19" destOrd="0" presId="urn:microsoft.com/office/officeart/2005/8/layout/radial1"/>
    <dgm:cxn modelId="{0DD45E75-E545-4343-8B3B-E64CAD4D50B5}" type="presParOf" srcId="{AC904CD6-86BB-4DC0-B676-E4F4E52C73A0}" destId="{96AD28F6-EE2B-4203-9C78-15DCC4BEE7EE}" srcOrd="0" destOrd="0" presId="urn:microsoft.com/office/officeart/2005/8/layout/radial1"/>
    <dgm:cxn modelId="{1ACE3204-338F-FB4C-B342-381B509B361F}" type="presParOf" srcId="{D00AC0C3-6129-4D83-B750-B7EAB3988524}" destId="{4A0E5996-7849-4B37-9D94-0D676E9A6580}" srcOrd="20" destOrd="0" presId="urn:microsoft.com/office/officeart/2005/8/layout/radial1"/>
    <dgm:cxn modelId="{3536A721-DF06-4C47-B3F3-5C89069188E2}" type="presParOf" srcId="{D00AC0C3-6129-4D83-B750-B7EAB3988524}" destId="{A5CF0434-4A0D-45BA-A59A-79CBB7ED52D5}" srcOrd="21" destOrd="0" presId="urn:microsoft.com/office/officeart/2005/8/layout/radial1"/>
    <dgm:cxn modelId="{394F3AAF-6903-DB43-B61A-1409C67472D8}" type="presParOf" srcId="{A5CF0434-4A0D-45BA-A59A-79CBB7ED52D5}" destId="{3AB76BC8-2E31-41C0-AF67-96F8F22A90AD}" srcOrd="0" destOrd="0" presId="urn:microsoft.com/office/officeart/2005/8/layout/radial1"/>
    <dgm:cxn modelId="{F6609ED0-043C-FC4F-B595-A46171EA0506}" type="presParOf" srcId="{D00AC0C3-6129-4D83-B750-B7EAB3988524}" destId="{8048D199-4A25-47F0-909F-B91A7C5C6306}" srcOrd="22" destOrd="0" presId="urn:microsoft.com/office/officeart/2005/8/layout/radial1"/>
    <dgm:cxn modelId="{F7EF203F-B090-0D47-BE1E-02F991781BCC}" type="presParOf" srcId="{D00AC0C3-6129-4D83-B750-B7EAB3988524}" destId="{9A3815F0-11A8-45B9-96E5-01AF00A086AC}" srcOrd="23" destOrd="0" presId="urn:microsoft.com/office/officeart/2005/8/layout/radial1"/>
    <dgm:cxn modelId="{7DBA1423-A184-A641-B31F-51E203B3ABBB}" type="presParOf" srcId="{9A3815F0-11A8-45B9-96E5-01AF00A086AC}" destId="{195F6D3C-5209-4F2D-842B-C719DA9DF752}" srcOrd="0" destOrd="0" presId="urn:microsoft.com/office/officeart/2005/8/layout/radial1"/>
    <dgm:cxn modelId="{3081A4BA-718E-DD45-8ABE-CC5CE3FB99F1}" type="presParOf" srcId="{D00AC0C3-6129-4D83-B750-B7EAB3988524}" destId="{7CA2EFB0-72C1-4C7D-B105-4868AA0F34FF}" srcOrd="24" destOrd="0" presId="urn:microsoft.com/office/officeart/2005/8/layout/radial1"/>
    <dgm:cxn modelId="{167FDAE9-7B7A-6645-B159-952A03192D4E}" type="presParOf" srcId="{D00AC0C3-6129-4D83-B750-B7EAB3988524}" destId="{780D9288-984D-4354-BB56-2F54BF918641}" srcOrd="25" destOrd="0" presId="urn:microsoft.com/office/officeart/2005/8/layout/radial1"/>
    <dgm:cxn modelId="{65794AAD-36DD-DD42-A58A-100C158C0DD4}" type="presParOf" srcId="{780D9288-984D-4354-BB56-2F54BF918641}" destId="{18C861C4-6B94-48E1-B85F-7475302784B0}" srcOrd="0" destOrd="0" presId="urn:microsoft.com/office/officeart/2005/8/layout/radial1"/>
    <dgm:cxn modelId="{02C83B80-F4F3-3E43-B769-5306EBAA2CAA}" type="presParOf" srcId="{D00AC0C3-6129-4D83-B750-B7EAB3988524}" destId="{C93934A4-875F-47D9-8C1D-0E1F26B76297}" srcOrd="26" destOrd="0" presId="urn:microsoft.com/office/officeart/2005/8/layout/radial1"/>
  </dgm:cxnLst>
  <dgm:bg>
    <a:noFill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6580FA-20FF-42F5-B9D0-3AE6E9B17D66}">
      <dsp:nvSpPr>
        <dsp:cNvPr id="0" name=""/>
        <dsp:cNvSpPr/>
      </dsp:nvSpPr>
      <dsp:spPr>
        <a:xfrm>
          <a:off x="421687" y="824325"/>
          <a:ext cx="3900402" cy="458870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A5F2FFED-3260-4922-9C3F-5AC0708702F7}">
      <dsp:nvSpPr>
        <dsp:cNvPr id="0" name=""/>
        <dsp:cNvSpPr/>
      </dsp:nvSpPr>
      <dsp:spPr>
        <a:xfrm>
          <a:off x="421687" y="996658"/>
          <a:ext cx="286537" cy="286537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BF80A62-4F37-4DBC-9E07-D6871D5F9CB6}">
      <dsp:nvSpPr>
        <dsp:cNvPr id="0" name=""/>
        <dsp:cNvSpPr/>
      </dsp:nvSpPr>
      <dsp:spPr>
        <a:xfrm>
          <a:off x="421687" y="0"/>
          <a:ext cx="3900402" cy="82432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55880" rIns="83820" bIns="55880" numCol="1" spcCol="1270" anchor="ctr" anchorCtr="0">
          <a:noAutofit/>
        </a:bodyPr>
        <a:lstStyle/>
        <a:p>
          <a:pPr lvl="0" algn="l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400" b="1" kern="1200" dirty="0" smtClean="0"/>
            <a:t>Existing</a:t>
          </a:r>
          <a:r>
            <a:rPr lang="en-US" sz="4400" b="1" kern="1200" baseline="0" dirty="0" smtClean="0"/>
            <a:t> Scope</a:t>
          </a:r>
          <a:endParaRPr lang="en-US" sz="4400" b="1" kern="1200" dirty="0"/>
        </a:p>
      </dsp:txBody>
      <dsp:txXfrm>
        <a:off x="421687" y="0"/>
        <a:ext cx="3900402" cy="824325"/>
      </dsp:txXfrm>
    </dsp:sp>
    <dsp:sp modelId="{5323F515-0F13-408C-8D24-E304651EEA30}">
      <dsp:nvSpPr>
        <dsp:cNvPr id="0" name=""/>
        <dsp:cNvSpPr/>
      </dsp:nvSpPr>
      <dsp:spPr>
        <a:xfrm>
          <a:off x="421687" y="1664569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B86283F9-6EE5-4A9D-8160-57AFD4997E01}">
      <dsp:nvSpPr>
        <dsp:cNvPr id="0" name=""/>
        <dsp:cNvSpPr/>
      </dsp:nvSpPr>
      <dsp:spPr>
        <a:xfrm>
          <a:off x="694715" y="1473882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App rating &amp; review</a:t>
          </a:r>
          <a:endParaRPr lang="en-US" sz="1600" kern="1200" dirty="0"/>
        </a:p>
      </dsp:txBody>
      <dsp:txXfrm>
        <a:off x="694715" y="1473882"/>
        <a:ext cx="3627374" cy="667903"/>
      </dsp:txXfrm>
    </dsp:sp>
    <dsp:sp modelId="{5416766C-CA9C-4E93-835F-863AC36BFFBE}">
      <dsp:nvSpPr>
        <dsp:cNvPr id="0" name=""/>
        <dsp:cNvSpPr/>
      </dsp:nvSpPr>
      <dsp:spPr>
        <a:xfrm>
          <a:off x="421687" y="2332472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A1A8B2A-3A7F-498B-B80B-98ADEE5D2E96}">
      <dsp:nvSpPr>
        <dsp:cNvPr id="0" name=""/>
        <dsp:cNvSpPr/>
      </dsp:nvSpPr>
      <dsp:spPr>
        <a:xfrm>
          <a:off x="694715" y="2141786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Display offer &amp; reward</a:t>
          </a:r>
          <a:endParaRPr lang="en-US" sz="1600" kern="1200" dirty="0"/>
        </a:p>
      </dsp:txBody>
      <dsp:txXfrm>
        <a:off x="694715" y="2141786"/>
        <a:ext cx="3627374" cy="667903"/>
      </dsp:txXfrm>
    </dsp:sp>
    <dsp:sp modelId="{203A641A-B68D-4460-9168-C6BBC90B672D}">
      <dsp:nvSpPr>
        <dsp:cNvPr id="0" name=""/>
        <dsp:cNvSpPr/>
      </dsp:nvSpPr>
      <dsp:spPr>
        <a:xfrm>
          <a:off x="421687" y="3000376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1B097A9D-0402-4634-B80C-0DE1A4BFB986}">
      <dsp:nvSpPr>
        <dsp:cNvPr id="0" name=""/>
        <dsp:cNvSpPr/>
      </dsp:nvSpPr>
      <dsp:spPr>
        <a:xfrm>
          <a:off x="694715" y="2809689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Loan offer checking</a:t>
          </a:r>
          <a:endParaRPr lang="en-US" sz="1600" kern="1200" dirty="0"/>
        </a:p>
      </dsp:txBody>
      <dsp:txXfrm>
        <a:off x="694715" y="2809689"/>
        <a:ext cx="3627374" cy="667903"/>
      </dsp:txXfrm>
    </dsp:sp>
    <dsp:sp modelId="{2A546279-477B-4B4E-9FE3-30D7471A2E33}">
      <dsp:nvSpPr>
        <dsp:cNvPr id="0" name=""/>
        <dsp:cNvSpPr/>
      </dsp:nvSpPr>
      <dsp:spPr>
        <a:xfrm>
          <a:off x="421687" y="3668279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70C2B3DD-E5DE-4D93-B211-2C42612CAFE9}">
      <dsp:nvSpPr>
        <dsp:cNvPr id="0" name=""/>
        <dsp:cNvSpPr/>
      </dsp:nvSpPr>
      <dsp:spPr>
        <a:xfrm>
          <a:off x="694715" y="3477593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Multiple addresses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&amp; Phone contact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694715" y="3477593"/>
        <a:ext cx="3627374" cy="667903"/>
      </dsp:txXfrm>
    </dsp:sp>
    <dsp:sp modelId="{3ACE7179-5A07-456D-A549-DB1E848E1314}">
      <dsp:nvSpPr>
        <dsp:cNvPr id="0" name=""/>
        <dsp:cNvSpPr/>
      </dsp:nvSpPr>
      <dsp:spPr>
        <a:xfrm>
          <a:off x="421687" y="4336183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90E3E3D-22BC-42FD-B278-F48B2812EC65}">
      <dsp:nvSpPr>
        <dsp:cNvPr id="0" name=""/>
        <dsp:cNvSpPr/>
      </dsp:nvSpPr>
      <dsp:spPr>
        <a:xfrm>
          <a:off x="694715" y="4145496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Survey</a:t>
          </a:r>
          <a:r>
            <a:rPr lang="en-US" sz="1600" kern="1200" baseline="0" dirty="0" smtClean="0"/>
            <a:t> (loan, customer satisfaction)</a:t>
          </a:r>
          <a:endParaRPr lang="en-US" sz="1600" kern="1200" dirty="0"/>
        </a:p>
      </dsp:txBody>
      <dsp:txXfrm>
        <a:off x="694715" y="4145496"/>
        <a:ext cx="3627374" cy="667903"/>
      </dsp:txXfrm>
    </dsp:sp>
    <dsp:sp modelId="{8F8AE62F-8709-499B-992C-58CE2ABDD147}">
      <dsp:nvSpPr>
        <dsp:cNvPr id="0" name=""/>
        <dsp:cNvSpPr/>
      </dsp:nvSpPr>
      <dsp:spPr>
        <a:xfrm>
          <a:off x="421687" y="5004086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F23BEC7-6FE8-4C88-8AF6-8BE9A1D76F50}">
      <dsp:nvSpPr>
        <dsp:cNvPr id="0" name=""/>
        <dsp:cNvSpPr/>
      </dsp:nvSpPr>
      <dsp:spPr>
        <a:xfrm>
          <a:off x="694715" y="4813400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Geolocation</a:t>
          </a:r>
          <a:r>
            <a:rPr lang="en-US" sz="1600" kern="1200" baseline="0" dirty="0" smtClean="0"/>
            <a:t> &amp; customer activity tracking</a:t>
          </a:r>
          <a:endParaRPr lang="en-US" sz="1600" kern="1200" dirty="0"/>
        </a:p>
      </dsp:txBody>
      <dsp:txXfrm>
        <a:off x="694715" y="4813400"/>
        <a:ext cx="3627374" cy="667903"/>
      </dsp:txXfrm>
    </dsp:sp>
    <dsp:sp modelId="{31930DDC-9379-4CFE-84B6-403D8DA4EE3C}">
      <dsp:nvSpPr>
        <dsp:cNvPr id="0" name=""/>
        <dsp:cNvSpPr/>
      </dsp:nvSpPr>
      <dsp:spPr>
        <a:xfrm>
          <a:off x="4517110" y="824325"/>
          <a:ext cx="3900402" cy="458870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8C997A84-7BBB-454D-827E-C58C73AFA1EA}">
      <dsp:nvSpPr>
        <dsp:cNvPr id="0" name=""/>
        <dsp:cNvSpPr/>
      </dsp:nvSpPr>
      <dsp:spPr>
        <a:xfrm>
          <a:off x="4517110" y="996658"/>
          <a:ext cx="286537" cy="286537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77709CD-B11B-47C6-9DE2-45C96B654159}">
      <dsp:nvSpPr>
        <dsp:cNvPr id="0" name=""/>
        <dsp:cNvSpPr/>
      </dsp:nvSpPr>
      <dsp:spPr>
        <a:xfrm>
          <a:off x="4517110" y="0"/>
          <a:ext cx="3900402" cy="82432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55880" rIns="83820" bIns="55880" numCol="1" spcCol="1270" anchor="ctr" anchorCtr="0">
          <a:noAutofit/>
        </a:bodyPr>
        <a:lstStyle/>
        <a:p>
          <a:pPr lvl="0" algn="l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400" b="1" kern="1200" dirty="0" smtClean="0"/>
            <a:t>Proposed Scope</a:t>
          </a:r>
          <a:endParaRPr lang="en-US" sz="4400" b="1" kern="1200" dirty="0"/>
        </a:p>
      </dsp:txBody>
      <dsp:txXfrm>
        <a:off x="4517110" y="0"/>
        <a:ext cx="3900402" cy="824325"/>
      </dsp:txXfrm>
    </dsp:sp>
    <dsp:sp modelId="{13825A37-883B-4F23-AFC9-DC86ADDFFB1F}">
      <dsp:nvSpPr>
        <dsp:cNvPr id="0" name=""/>
        <dsp:cNvSpPr/>
      </dsp:nvSpPr>
      <dsp:spPr>
        <a:xfrm>
          <a:off x="4517110" y="1664569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F837B0F1-0758-4AA6-AAB1-2F6A0E98E331}">
      <dsp:nvSpPr>
        <dsp:cNvPr id="0" name=""/>
        <dsp:cNvSpPr/>
      </dsp:nvSpPr>
      <dsp:spPr>
        <a:xfrm>
          <a:off x="4790138" y="1473882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App rating &amp; review</a:t>
          </a:r>
          <a:endParaRPr lang="en-US" sz="1600" kern="1200" dirty="0"/>
        </a:p>
      </dsp:txBody>
      <dsp:txXfrm>
        <a:off x="4790138" y="1473882"/>
        <a:ext cx="3627374" cy="667903"/>
      </dsp:txXfrm>
    </dsp:sp>
    <dsp:sp modelId="{EB3E1D36-94DB-4EAA-95DB-5F306D207456}">
      <dsp:nvSpPr>
        <dsp:cNvPr id="0" name=""/>
        <dsp:cNvSpPr/>
      </dsp:nvSpPr>
      <dsp:spPr>
        <a:xfrm>
          <a:off x="4517110" y="2332472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721A439-08AB-4380-BB73-13D20BF66B02}">
      <dsp:nvSpPr>
        <dsp:cNvPr id="0" name=""/>
        <dsp:cNvSpPr/>
      </dsp:nvSpPr>
      <dsp:spPr>
        <a:xfrm>
          <a:off x="4800585" y="2141786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Display offer &amp; reward</a:t>
          </a:r>
          <a:endParaRPr lang="en-US" sz="1600" kern="1200" dirty="0"/>
        </a:p>
      </dsp:txBody>
      <dsp:txXfrm>
        <a:off x="4800585" y="2141786"/>
        <a:ext cx="3627374" cy="667903"/>
      </dsp:txXfrm>
    </dsp:sp>
    <dsp:sp modelId="{4DD3D534-E31F-47A7-981E-5B2813A2D315}">
      <dsp:nvSpPr>
        <dsp:cNvPr id="0" name=""/>
        <dsp:cNvSpPr/>
      </dsp:nvSpPr>
      <dsp:spPr>
        <a:xfrm>
          <a:off x="4517110" y="3000376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2EF226DC-AB5D-4A8C-91E7-F0F68626BF8E}">
      <dsp:nvSpPr>
        <dsp:cNvPr id="0" name=""/>
        <dsp:cNvSpPr/>
      </dsp:nvSpPr>
      <dsp:spPr>
        <a:xfrm>
          <a:off x="4790138" y="2809689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Loan offer checking</a:t>
          </a:r>
          <a:endParaRPr lang="en-US" sz="1600" kern="1200" dirty="0"/>
        </a:p>
      </dsp:txBody>
      <dsp:txXfrm>
        <a:off x="4790138" y="2809689"/>
        <a:ext cx="3627374" cy="667903"/>
      </dsp:txXfrm>
    </dsp:sp>
    <dsp:sp modelId="{662BAA20-CCC6-492D-A419-1031557B69C1}">
      <dsp:nvSpPr>
        <dsp:cNvPr id="0" name=""/>
        <dsp:cNvSpPr/>
      </dsp:nvSpPr>
      <dsp:spPr>
        <a:xfrm>
          <a:off x="4517110" y="3668279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531A24E3-8250-4BCC-BA81-EA01228095B5}">
      <dsp:nvSpPr>
        <dsp:cNvPr id="0" name=""/>
        <dsp:cNvSpPr/>
      </dsp:nvSpPr>
      <dsp:spPr>
        <a:xfrm>
          <a:off x="4790138" y="3477593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Credit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card services integration(Part 1)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4790138" y="3477593"/>
        <a:ext cx="3627374" cy="667903"/>
      </dsp:txXfrm>
    </dsp:sp>
    <dsp:sp modelId="{A64462F3-63BB-4A40-BF6E-624BFC60E4CC}">
      <dsp:nvSpPr>
        <dsp:cNvPr id="0" name=""/>
        <dsp:cNvSpPr/>
      </dsp:nvSpPr>
      <dsp:spPr>
        <a:xfrm>
          <a:off x="4517110" y="4336183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57B151E-6BA2-490B-BDFC-562E29D34721}">
      <dsp:nvSpPr>
        <dsp:cNvPr id="0" name=""/>
        <dsp:cNvSpPr/>
      </dsp:nvSpPr>
      <dsp:spPr>
        <a:xfrm>
          <a:off x="4790138" y="4145496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Survey</a:t>
          </a:r>
          <a:r>
            <a:rPr lang="en-US" sz="1600" kern="1200" baseline="0" dirty="0" smtClean="0"/>
            <a:t> (loan, customer satisfaction)</a:t>
          </a:r>
          <a:endParaRPr lang="en-US" sz="1600" kern="1200" dirty="0"/>
        </a:p>
      </dsp:txBody>
      <dsp:txXfrm>
        <a:off x="4790138" y="4145496"/>
        <a:ext cx="3627374" cy="667903"/>
      </dsp:txXfrm>
    </dsp:sp>
    <dsp:sp modelId="{9A50EFA3-DDF8-5C4C-A141-B0B68375EC79}">
      <dsp:nvSpPr>
        <dsp:cNvPr id="0" name=""/>
        <dsp:cNvSpPr/>
      </dsp:nvSpPr>
      <dsp:spPr>
        <a:xfrm>
          <a:off x="4517110" y="5004086"/>
          <a:ext cx="286530" cy="286530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0A66F047-5A16-E844-922E-D299ED74A24B}">
      <dsp:nvSpPr>
        <dsp:cNvPr id="0" name=""/>
        <dsp:cNvSpPr/>
      </dsp:nvSpPr>
      <dsp:spPr>
        <a:xfrm>
          <a:off x="4790138" y="4813400"/>
          <a:ext cx="3627374" cy="6679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Geolocation</a:t>
          </a:r>
          <a:r>
            <a:rPr lang="en-US" sz="1600" kern="1200" baseline="0" dirty="0" smtClean="0"/>
            <a:t> &amp; customer activity tracking</a:t>
          </a:r>
          <a:endParaRPr lang="en-US" sz="1600" kern="1200" dirty="0"/>
        </a:p>
      </dsp:txBody>
      <dsp:txXfrm>
        <a:off x="4790138" y="4813400"/>
        <a:ext cx="3627374" cy="667903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6580FA-20FF-42F5-B9D0-3AE6E9B17D66}">
      <dsp:nvSpPr>
        <dsp:cNvPr id="0" name=""/>
        <dsp:cNvSpPr/>
      </dsp:nvSpPr>
      <dsp:spPr>
        <a:xfrm>
          <a:off x="855698" y="734836"/>
          <a:ext cx="3476977" cy="409056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A5F2FFED-3260-4922-9C3F-5AC0708702F7}">
      <dsp:nvSpPr>
        <dsp:cNvPr id="0" name=""/>
        <dsp:cNvSpPr/>
      </dsp:nvSpPr>
      <dsp:spPr>
        <a:xfrm>
          <a:off x="855698" y="888461"/>
          <a:ext cx="255431" cy="255431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BF80A62-4F37-4DBC-9E07-D6871D5F9CB6}">
      <dsp:nvSpPr>
        <dsp:cNvPr id="0" name=""/>
        <dsp:cNvSpPr/>
      </dsp:nvSpPr>
      <dsp:spPr>
        <a:xfrm>
          <a:off x="855698" y="0"/>
          <a:ext cx="3476977" cy="7348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295" tIns="49530" rIns="74295" bIns="49530" numCol="1" spcCol="1270" anchor="ctr" anchorCtr="0">
          <a:noAutofit/>
        </a:bodyPr>
        <a:lstStyle/>
        <a:p>
          <a:pPr lvl="0" algn="l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900" b="1" kern="1200" dirty="0" smtClean="0"/>
            <a:t>Existing</a:t>
          </a:r>
          <a:r>
            <a:rPr lang="en-US" sz="3900" b="1" kern="1200" baseline="0" dirty="0" smtClean="0"/>
            <a:t> Scope</a:t>
          </a:r>
          <a:endParaRPr lang="en-US" sz="3900" b="1" kern="1200" dirty="0"/>
        </a:p>
      </dsp:txBody>
      <dsp:txXfrm>
        <a:off x="855698" y="0"/>
        <a:ext cx="3476977" cy="734836"/>
      </dsp:txXfrm>
    </dsp:sp>
    <dsp:sp modelId="{5323F515-0F13-408C-8D24-E304651EEA30}">
      <dsp:nvSpPr>
        <dsp:cNvPr id="0" name=""/>
        <dsp:cNvSpPr/>
      </dsp:nvSpPr>
      <dsp:spPr>
        <a:xfrm>
          <a:off x="855698" y="1483864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B86283F9-6EE5-4A9D-8160-57AFD4997E01}">
      <dsp:nvSpPr>
        <dsp:cNvPr id="0" name=""/>
        <dsp:cNvSpPr/>
      </dsp:nvSpPr>
      <dsp:spPr>
        <a:xfrm>
          <a:off x="1099086" y="1313878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Check MRC Status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1099086" y="1313878"/>
        <a:ext cx="3233588" cy="595396"/>
      </dsp:txXfrm>
    </dsp:sp>
    <dsp:sp modelId="{5416766C-CA9C-4E93-835F-863AC36BFFBE}">
      <dsp:nvSpPr>
        <dsp:cNvPr id="0" name=""/>
        <dsp:cNvSpPr/>
      </dsp:nvSpPr>
      <dsp:spPr>
        <a:xfrm>
          <a:off x="855698" y="2079260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A1A8B2A-3A7F-498B-B80B-98ADEE5D2E96}">
      <dsp:nvSpPr>
        <dsp:cNvPr id="0" name=""/>
        <dsp:cNvSpPr/>
      </dsp:nvSpPr>
      <dsp:spPr>
        <a:xfrm>
          <a:off x="1099086" y="1909274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Display special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product on app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1099086" y="1909274"/>
        <a:ext cx="3233588" cy="595396"/>
      </dsp:txXfrm>
    </dsp:sp>
    <dsp:sp modelId="{203A641A-B68D-4460-9168-C6BBC90B672D}">
      <dsp:nvSpPr>
        <dsp:cNvPr id="0" name=""/>
        <dsp:cNvSpPr/>
      </dsp:nvSpPr>
      <dsp:spPr>
        <a:xfrm>
          <a:off x="855698" y="2674656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1B097A9D-0402-4634-B80C-0DE1A4BFB986}">
      <dsp:nvSpPr>
        <dsp:cNvPr id="0" name=""/>
        <dsp:cNvSpPr/>
      </dsp:nvSpPr>
      <dsp:spPr>
        <a:xfrm>
          <a:off x="1099086" y="2504671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In-app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image processing (document upload)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1099086" y="2504671"/>
        <a:ext cx="3233588" cy="595396"/>
      </dsp:txXfrm>
    </dsp:sp>
    <dsp:sp modelId="{2A546279-477B-4B4E-9FE3-30D7471A2E33}">
      <dsp:nvSpPr>
        <dsp:cNvPr id="0" name=""/>
        <dsp:cNvSpPr/>
      </dsp:nvSpPr>
      <dsp:spPr>
        <a:xfrm>
          <a:off x="855698" y="3270053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70C2B3DD-E5DE-4D93-B211-2C42612CAFE9}">
      <dsp:nvSpPr>
        <dsp:cNvPr id="0" name=""/>
        <dsp:cNvSpPr/>
      </dsp:nvSpPr>
      <dsp:spPr>
        <a:xfrm>
          <a:off x="1099086" y="3100067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Connect with Bluetooth printer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1099086" y="3100067"/>
        <a:ext cx="3233588" cy="595396"/>
      </dsp:txXfrm>
    </dsp:sp>
    <dsp:sp modelId="{3ACE7179-5A07-456D-A549-DB1E848E1314}">
      <dsp:nvSpPr>
        <dsp:cNvPr id="0" name=""/>
        <dsp:cNvSpPr/>
      </dsp:nvSpPr>
      <dsp:spPr>
        <a:xfrm>
          <a:off x="855698" y="3865449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90E3E3D-22BC-42FD-B278-F48B2812EC65}">
      <dsp:nvSpPr>
        <dsp:cNvPr id="0" name=""/>
        <dsp:cNvSpPr/>
      </dsp:nvSpPr>
      <dsp:spPr>
        <a:xfrm>
          <a:off x="1099086" y="3695463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Paid</a:t>
          </a:r>
          <a:r>
            <a:rPr lang="en-US" sz="1600" kern="1200" baseline="0" dirty="0" smtClean="0"/>
            <a:t> for instalment by credit cards</a:t>
          </a:r>
          <a:endParaRPr lang="en-US" sz="1600" kern="1200" dirty="0"/>
        </a:p>
      </dsp:txBody>
      <dsp:txXfrm>
        <a:off x="1099086" y="3695463"/>
        <a:ext cx="3233588" cy="595396"/>
      </dsp:txXfrm>
    </dsp:sp>
    <dsp:sp modelId="{8F8AE62F-8709-499B-992C-58CE2ABDD147}">
      <dsp:nvSpPr>
        <dsp:cNvPr id="0" name=""/>
        <dsp:cNvSpPr/>
      </dsp:nvSpPr>
      <dsp:spPr>
        <a:xfrm>
          <a:off x="855698" y="4460845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F23BEC7-6FE8-4C88-8AF6-8BE9A1D76F50}">
      <dsp:nvSpPr>
        <dsp:cNvPr id="0" name=""/>
        <dsp:cNvSpPr/>
      </dsp:nvSpPr>
      <dsp:spPr>
        <a:xfrm>
          <a:off x="1099086" y="4290860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Bill Payment (electricity</a:t>
          </a:r>
          <a:r>
            <a:rPr lang="en-US" sz="1600" kern="1200" baseline="0" dirty="0" smtClean="0"/>
            <a:t>, </a:t>
          </a:r>
          <a:r>
            <a:rPr lang="en-US" sz="1600" kern="1200" dirty="0" smtClean="0"/>
            <a:t>water,</a:t>
          </a:r>
          <a:r>
            <a:rPr lang="en-US" sz="1600" kern="1200" baseline="0" dirty="0" smtClean="0"/>
            <a:t> </a:t>
          </a:r>
          <a:r>
            <a:rPr lang="en-US" sz="1600" kern="1200" baseline="0" dirty="0" err="1" smtClean="0"/>
            <a:t>telco</a:t>
          </a:r>
          <a:r>
            <a:rPr lang="en-US" sz="1600" kern="1200" baseline="0" dirty="0" smtClean="0"/>
            <a:t>, mobile</a:t>
          </a:r>
          <a:r>
            <a:rPr lang="is-IS" sz="1600" kern="1200" baseline="0" dirty="0" smtClean="0"/>
            <a:t>…)</a:t>
          </a:r>
          <a:endParaRPr lang="en-US" sz="1600" kern="1200" dirty="0"/>
        </a:p>
      </dsp:txBody>
      <dsp:txXfrm>
        <a:off x="1099086" y="4290860"/>
        <a:ext cx="3233588" cy="595396"/>
      </dsp:txXfrm>
    </dsp:sp>
    <dsp:sp modelId="{69713D56-7F76-5F4A-BB83-E7611B4A2B71}">
      <dsp:nvSpPr>
        <dsp:cNvPr id="0" name=""/>
        <dsp:cNvSpPr/>
      </dsp:nvSpPr>
      <dsp:spPr>
        <a:xfrm>
          <a:off x="855698" y="5056241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DA86392D-E38B-184B-A218-B9AFB46299CB}">
      <dsp:nvSpPr>
        <dsp:cNvPr id="0" name=""/>
        <dsp:cNvSpPr/>
      </dsp:nvSpPr>
      <dsp:spPr>
        <a:xfrm>
          <a:off x="1099086" y="4886256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Application (loan/credit card) status checking </a:t>
          </a:r>
          <a:endParaRPr lang="en-US" sz="1600" kern="1200" dirty="0"/>
        </a:p>
      </dsp:txBody>
      <dsp:txXfrm>
        <a:off x="1099086" y="4886256"/>
        <a:ext cx="3233588" cy="595396"/>
      </dsp:txXfrm>
    </dsp:sp>
    <dsp:sp modelId="{31930DDC-9379-4CFE-84B6-403D8DA4EE3C}">
      <dsp:nvSpPr>
        <dsp:cNvPr id="0" name=""/>
        <dsp:cNvSpPr/>
      </dsp:nvSpPr>
      <dsp:spPr>
        <a:xfrm>
          <a:off x="4506524" y="734836"/>
          <a:ext cx="3476977" cy="409056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8C997A84-7BBB-454D-827E-C58C73AFA1EA}">
      <dsp:nvSpPr>
        <dsp:cNvPr id="0" name=""/>
        <dsp:cNvSpPr/>
      </dsp:nvSpPr>
      <dsp:spPr>
        <a:xfrm>
          <a:off x="4506524" y="888461"/>
          <a:ext cx="255431" cy="255431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77709CD-B11B-47C6-9DE2-45C96B654159}">
      <dsp:nvSpPr>
        <dsp:cNvPr id="0" name=""/>
        <dsp:cNvSpPr/>
      </dsp:nvSpPr>
      <dsp:spPr>
        <a:xfrm>
          <a:off x="4506524" y="0"/>
          <a:ext cx="3476977" cy="7348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295" tIns="49530" rIns="74295" bIns="49530" numCol="1" spcCol="1270" anchor="ctr" anchorCtr="0">
          <a:noAutofit/>
        </a:bodyPr>
        <a:lstStyle/>
        <a:p>
          <a:pPr lvl="0" algn="l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900" b="1" kern="1200" dirty="0" smtClean="0"/>
            <a:t>Proposed Scope</a:t>
          </a:r>
          <a:endParaRPr lang="en-US" sz="3900" b="1" kern="1200" dirty="0"/>
        </a:p>
      </dsp:txBody>
      <dsp:txXfrm>
        <a:off x="4506524" y="0"/>
        <a:ext cx="3476977" cy="734836"/>
      </dsp:txXfrm>
    </dsp:sp>
    <dsp:sp modelId="{13825A37-883B-4F23-AFC9-DC86ADDFFB1F}">
      <dsp:nvSpPr>
        <dsp:cNvPr id="0" name=""/>
        <dsp:cNvSpPr/>
      </dsp:nvSpPr>
      <dsp:spPr>
        <a:xfrm>
          <a:off x="4506524" y="1483864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F837B0F1-0758-4AA6-AAB1-2F6A0E98E331}">
      <dsp:nvSpPr>
        <dsp:cNvPr id="0" name=""/>
        <dsp:cNvSpPr/>
      </dsp:nvSpPr>
      <dsp:spPr>
        <a:xfrm>
          <a:off x="4749912" y="1313878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Credit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card integration (Part 2) - </a:t>
          </a:r>
          <a:r>
            <a:rPr lang="en-US" sz="1600" b="1" i="1" kern="1200" dirty="0" smtClean="0">
              <a:solidFill>
                <a:srgbClr val="FF0000"/>
              </a:solidFill>
            </a:rPr>
            <a:t>Loan/credit card disbursement (</a:t>
          </a:r>
          <a:r>
            <a:rPr lang="en-US" sz="1600" b="1" i="1" kern="1200" dirty="0" err="1" smtClean="0">
              <a:solidFill>
                <a:srgbClr val="FF0000"/>
              </a:solidFill>
            </a:rPr>
            <a:t>cardless</a:t>
          </a:r>
          <a:r>
            <a:rPr lang="en-US" sz="1600" b="1" i="1" kern="1200" dirty="0" smtClean="0">
              <a:solidFill>
                <a:srgbClr val="FF0000"/>
              </a:solidFill>
            </a:rPr>
            <a:t>, </a:t>
          </a:r>
          <a:r>
            <a:rPr lang="en-US" sz="1600" b="1" i="1" kern="1200" err="1" smtClean="0">
              <a:solidFill>
                <a:srgbClr val="FF0000"/>
              </a:solidFill>
            </a:rPr>
            <a:t>iBFT</a:t>
          </a:r>
          <a:r>
            <a:rPr lang="en-US" sz="1600" b="1" i="1" kern="1200" smtClean="0">
              <a:solidFill>
                <a:srgbClr val="FF0000"/>
              </a:solidFill>
            </a:rPr>
            <a:t>)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4749912" y="1313878"/>
        <a:ext cx="3233588" cy="595396"/>
      </dsp:txXfrm>
    </dsp:sp>
    <dsp:sp modelId="{EB3E1D36-94DB-4EAA-95DB-5F306D207456}">
      <dsp:nvSpPr>
        <dsp:cNvPr id="0" name=""/>
        <dsp:cNvSpPr/>
      </dsp:nvSpPr>
      <dsp:spPr>
        <a:xfrm>
          <a:off x="4506524" y="2079260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721A439-08AB-4380-BB73-13D20BF66B02}">
      <dsp:nvSpPr>
        <dsp:cNvPr id="0" name=""/>
        <dsp:cNvSpPr/>
      </dsp:nvSpPr>
      <dsp:spPr>
        <a:xfrm>
          <a:off x="4759225" y="1909274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P2P Fund transfer (Master Card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QR Pass</a:t>
          </a:r>
          <a:r>
            <a:rPr lang="en-US" sz="1600" b="1" i="1" kern="1200" dirty="0" smtClean="0">
              <a:solidFill>
                <a:srgbClr val="FF0000"/>
              </a:solidFill>
            </a:rPr>
            <a:t>, e-wallet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integration)</a:t>
          </a:r>
          <a:r>
            <a:rPr lang="en-US" sz="1600" b="1" i="1" kern="1200" dirty="0" smtClean="0">
              <a:solidFill>
                <a:srgbClr val="FF0000"/>
              </a:solidFill>
            </a:rPr>
            <a:t>  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4759225" y="1909274"/>
        <a:ext cx="3233588" cy="595396"/>
      </dsp:txXfrm>
    </dsp:sp>
    <dsp:sp modelId="{4DD3D534-E31F-47A7-981E-5B2813A2D315}">
      <dsp:nvSpPr>
        <dsp:cNvPr id="0" name=""/>
        <dsp:cNvSpPr/>
      </dsp:nvSpPr>
      <dsp:spPr>
        <a:xfrm>
          <a:off x="4506524" y="2674656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2EF226DC-AB5D-4A8C-91E7-F0F68626BF8E}">
      <dsp:nvSpPr>
        <dsp:cNvPr id="0" name=""/>
        <dsp:cNvSpPr/>
      </dsp:nvSpPr>
      <dsp:spPr>
        <a:xfrm>
          <a:off x="4749912" y="2504671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Financial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management (tips, management tools)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4749912" y="2504671"/>
        <a:ext cx="3233588" cy="595396"/>
      </dsp:txXfrm>
    </dsp:sp>
    <dsp:sp modelId="{662BAA20-CCC6-492D-A419-1031557B69C1}">
      <dsp:nvSpPr>
        <dsp:cNvPr id="0" name=""/>
        <dsp:cNvSpPr/>
      </dsp:nvSpPr>
      <dsp:spPr>
        <a:xfrm>
          <a:off x="4506524" y="3270053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531A24E3-8250-4BCC-BA81-EA01228095B5}">
      <dsp:nvSpPr>
        <dsp:cNvPr id="0" name=""/>
        <dsp:cNvSpPr/>
      </dsp:nvSpPr>
      <dsp:spPr>
        <a:xfrm>
          <a:off x="4749912" y="3100067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1" kern="1200" dirty="0" smtClean="0">
              <a:solidFill>
                <a:srgbClr val="FF0000"/>
              </a:solidFill>
            </a:rPr>
            <a:t>Partnership integration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 (</a:t>
          </a:r>
          <a:r>
            <a:rPr lang="en-US" sz="1600" b="1" i="1" kern="1200" baseline="0" dirty="0" err="1" smtClean="0">
              <a:solidFill>
                <a:srgbClr val="FF0000"/>
              </a:solidFill>
            </a:rPr>
            <a:t>Sacombank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, </a:t>
          </a:r>
          <a:r>
            <a:rPr lang="en-US" sz="1600" b="1" i="1" kern="1200" baseline="0" dirty="0" err="1" smtClean="0">
              <a:solidFill>
                <a:srgbClr val="FF0000"/>
              </a:solidFill>
            </a:rPr>
            <a:t>Payoo</a:t>
          </a:r>
          <a:r>
            <a:rPr lang="en-US" sz="1600" b="1" i="1" kern="1200" baseline="0" dirty="0" smtClean="0">
              <a:solidFill>
                <a:srgbClr val="FF0000"/>
              </a:solidFill>
            </a:rPr>
            <a:t>, NAPAS, </a:t>
          </a:r>
          <a:r>
            <a:rPr lang="en-US" sz="1600" b="1" i="1" kern="1200" baseline="0" dirty="0" err="1" smtClean="0">
              <a:solidFill>
                <a:srgbClr val="FF0000"/>
              </a:solidFill>
            </a:rPr>
            <a:t>Moven</a:t>
          </a:r>
          <a:r>
            <a:rPr lang="is-IS" sz="1600" b="1" i="1" kern="1200" baseline="0" dirty="0" smtClean="0">
              <a:solidFill>
                <a:srgbClr val="FF0000"/>
              </a:solidFill>
            </a:rPr>
            <a:t>…)</a:t>
          </a:r>
          <a:endParaRPr lang="en-US" sz="1600" b="1" i="1" kern="1200" dirty="0">
            <a:solidFill>
              <a:srgbClr val="FF0000"/>
            </a:solidFill>
          </a:endParaRPr>
        </a:p>
      </dsp:txBody>
      <dsp:txXfrm>
        <a:off x="4749912" y="3100067"/>
        <a:ext cx="3233588" cy="595396"/>
      </dsp:txXfrm>
    </dsp:sp>
    <dsp:sp modelId="{A64462F3-63BB-4A40-BF6E-624BFC60E4CC}">
      <dsp:nvSpPr>
        <dsp:cNvPr id="0" name=""/>
        <dsp:cNvSpPr/>
      </dsp:nvSpPr>
      <dsp:spPr>
        <a:xfrm>
          <a:off x="4506524" y="3865449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57B151E-6BA2-490B-BDFC-562E29D34721}">
      <dsp:nvSpPr>
        <dsp:cNvPr id="0" name=""/>
        <dsp:cNvSpPr/>
      </dsp:nvSpPr>
      <dsp:spPr>
        <a:xfrm>
          <a:off x="4749912" y="3695463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Paid</a:t>
          </a:r>
          <a:r>
            <a:rPr lang="en-US" sz="1600" kern="1200" baseline="0" dirty="0" smtClean="0"/>
            <a:t> for instalment by credit cards</a:t>
          </a:r>
          <a:endParaRPr lang="en-US" sz="1600" kern="1200" dirty="0"/>
        </a:p>
      </dsp:txBody>
      <dsp:txXfrm>
        <a:off x="4749912" y="3695463"/>
        <a:ext cx="3233588" cy="595396"/>
      </dsp:txXfrm>
    </dsp:sp>
    <dsp:sp modelId="{9A50EFA3-DDF8-5C4C-A141-B0B68375EC79}">
      <dsp:nvSpPr>
        <dsp:cNvPr id="0" name=""/>
        <dsp:cNvSpPr/>
      </dsp:nvSpPr>
      <dsp:spPr>
        <a:xfrm>
          <a:off x="4506524" y="4460845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0A66F047-5A16-E844-922E-D299ED74A24B}">
      <dsp:nvSpPr>
        <dsp:cNvPr id="0" name=""/>
        <dsp:cNvSpPr/>
      </dsp:nvSpPr>
      <dsp:spPr>
        <a:xfrm>
          <a:off x="4749912" y="4290860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Bill Payment (electricity</a:t>
          </a:r>
          <a:r>
            <a:rPr lang="en-US" sz="1600" kern="1200" baseline="0" dirty="0" smtClean="0"/>
            <a:t>, </a:t>
          </a:r>
          <a:r>
            <a:rPr lang="en-US" sz="1600" kern="1200" dirty="0" smtClean="0"/>
            <a:t>water,</a:t>
          </a:r>
          <a:r>
            <a:rPr lang="en-US" sz="1600" kern="1200" baseline="0" dirty="0" smtClean="0"/>
            <a:t> </a:t>
          </a:r>
          <a:r>
            <a:rPr lang="en-US" sz="1600" kern="1200" baseline="0" dirty="0" err="1" smtClean="0"/>
            <a:t>telco</a:t>
          </a:r>
          <a:r>
            <a:rPr lang="en-US" sz="1600" kern="1200" baseline="0" dirty="0" smtClean="0"/>
            <a:t>, mobile</a:t>
          </a:r>
          <a:r>
            <a:rPr lang="is-IS" sz="1600" kern="1200" baseline="0" dirty="0" smtClean="0"/>
            <a:t>…)</a:t>
          </a:r>
          <a:endParaRPr lang="en-US" sz="1600" kern="1200" dirty="0"/>
        </a:p>
      </dsp:txBody>
      <dsp:txXfrm>
        <a:off x="4749912" y="4290860"/>
        <a:ext cx="3233588" cy="595396"/>
      </dsp:txXfrm>
    </dsp:sp>
    <dsp:sp modelId="{79CD6C8C-D81D-3646-A7C5-1A761009AF7D}">
      <dsp:nvSpPr>
        <dsp:cNvPr id="0" name=""/>
        <dsp:cNvSpPr/>
      </dsp:nvSpPr>
      <dsp:spPr>
        <a:xfrm>
          <a:off x="4506524" y="5056241"/>
          <a:ext cx="255425" cy="255425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1C000461-C3CA-234B-80D7-EDBD49806F6D}">
      <dsp:nvSpPr>
        <dsp:cNvPr id="0" name=""/>
        <dsp:cNvSpPr/>
      </dsp:nvSpPr>
      <dsp:spPr>
        <a:xfrm>
          <a:off x="4749912" y="4886256"/>
          <a:ext cx="3233588" cy="5953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Application (loan/credit card) status checking </a:t>
          </a:r>
          <a:endParaRPr lang="en-US" sz="1600" kern="1200" dirty="0"/>
        </a:p>
      </dsp:txBody>
      <dsp:txXfrm>
        <a:off x="4749912" y="4886256"/>
        <a:ext cx="3233588" cy="59539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6580FA-20FF-42F5-B9D0-3AE6E9B17D66}">
      <dsp:nvSpPr>
        <dsp:cNvPr id="0" name=""/>
        <dsp:cNvSpPr/>
      </dsp:nvSpPr>
      <dsp:spPr>
        <a:xfrm>
          <a:off x="1573" y="628139"/>
          <a:ext cx="2972123" cy="349661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A5F2FFED-3260-4922-9C3F-5AC0708702F7}">
      <dsp:nvSpPr>
        <dsp:cNvPr id="0" name=""/>
        <dsp:cNvSpPr/>
      </dsp:nvSpPr>
      <dsp:spPr>
        <a:xfrm>
          <a:off x="1573" y="759457"/>
          <a:ext cx="218342" cy="218342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BF80A62-4F37-4DBC-9E07-D6871D5F9CB6}">
      <dsp:nvSpPr>
        <dsp:cNvPr id="0" name=""/>
        <dsp:cNvSpPr/>
      </dsp:nvSpPr>
      <dsp:spPr>
        <a:xfrm>
          <a:off x="1573" y="0"/>
          <a:ext cx="2972123" cy="628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675" tIns="44450" rIns="66675" bIns="44450" numCol="1" spcCol="1270" anchor="ctr" anchorCtr="0">
          <a:noAutofit/>
        </a:bodyPr>
        <a:lstStyle/>
        <a:p>
          <a:pPr lvl="0" algn="l" defTabSz="1555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500" b="1" kern="1200" dirty="0" smtClean="0"/>
            <a:t>Part 1(Phase 2)</a:t>
          </a:r>
          <a:endParaRPr lang="en-US" sz="3500" b="1" kern="1200" dirty="0"/>
        </a:p>
      </dsp:txBody>
      <dsp:txXfrm>
        <a:off x="1573" y="0"/>
        <a:ext cx="2972123" cy="628139"/>
      </dsp:txXfrm>
    </dsp:sp>
    <dsp:sp modelId="{5323F515-0F13-408C-8D24-E304651EEA30}">
      <dsp:nvSpPr>
        <dsp:cNvPr id="0" name=""/>
        <dsp:cNvSpPr/>
      </dsp:nvSpPr>
      <dsp:spPr>
        <a:xfrm>
          <a:off x="1573" y="1268408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B86283F9-6EE5-4A9D-8160-57AFD4997E01}">
      <dsp:nvSpPr>
        <dsp:cNvPr id="0" name=""/>
        <dsp:cNvSpPr/>
      </dsp:nvSpPr>
      <dsp:spPr>
        <a:xfrm>
          <a:off x="209622" y="1123104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Product Name</a:t>
          </a:r>
          <a:endParaRPr lang="en-US" sz="1600" kern="1200" dirty="0"/>
        </a:p>
      </dsp:txBody>
      <dsp:txXfrm>
        <a:off x="209622" y="1123104"/>
        <a:ext cx="2764074" cy="508945"/>
      </dsp:txXfrm>
    </dsp:sp>
    <dsp:sp modelId="{5416766C-CA9C-4E93-835F-863AC36BFFBE}">
      <dsp:nvSpPr>
        <dsp:cNvPr id="0" name=""/>
        <dsp:cNvSpPr/>
      </dsp:nvSpPr>
      <dsp:spPr>
        <a:xfrm>
          <a:off x="1573" y="1777353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A1A8B2A-3A7F-498B-B80B-98ADEE5D2E96}">
      <dsp:nvSpPr>
        <dsp:cNvPr id="0" name=""/>
        <dsp:cNvSpPr/>
      </dsp:nvSpPr>
      <dsp:spPr>
        <a:xfrm>
          <a:off x="209622" y="1632049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ard Number (masked card)</a:t>
          </a:r>
          <a:endParaRPr lang="en-US" sz="1600" kern="1200" dirty="0"/>
        </a:p>
      </dsp:txBody>
      <dsp:txXfrm>
        <a:off x="209622" y="1632049"/>
        <a:ext cx="2764074" cy="508945"/>
      </dsp:txXfrm>
    </dsp:sp>
    <dsp:sp modelId="{203A641A-B68D-4460-9168-C6BBC90B672D}">
      <dsp:nvSpPr>
        <dsp:cNvPr id="0" name=""/>
        <dsp:cNvSpPr/>
      </dsp:nvSpPr>
      <dsp:spPr>
        <a:xfrm>
          <a:off x="1573" y="2286299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1B097A9D-0402-4634-B80C-0DE1A4BFB986}">
      <dsp:nvSpPr>
        <dsp:cNvPr id="0" name=""/>
        <dsp:cNvSpPr/>
      </dsp:nvSpPr>
      <dsp:spPr>
        <a:xfrm>
          <a:off x="209622" y="2140995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ard Status </a:t>
          </a:r>
          <a:endParaRPr lang="en-US" sz="1600" kern="1200" dirty="0"/>
        </a:p>
      </dsp:txBody>
      <dsp:txXfrm>
        <a:off x="209622" y="2140995"/>
        <a:ext cx="2764074" cy="508945"/>
      </dsp:txXfrm>
    </dsp:sp>
    <dsp:sp modelId="{2A546279-477B-4B4E-9FE3-30D7471A2E33}">
      <dsp:nvSpPr>
        <dsp:cNvPr id="0" name=""/>
        <dsp:cNvSpPr/>
      </dsp:nvSpPr>
      <dsp:spPr>
        <a:xfrm>
          <a:off x="1573" y="2795244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70C2B3DD-E5DE-4D93-B211-2C42612CAFE9}">
      <dsp:nvSpPr>
        <dsp:cNvPr id="0" name=""/>
        <dsp:cNvSpPr/>
      </dsp:nvSpPr>
      <dsp:spPr>
        <a:xfrm>
          <a:off x="209622" y="2649940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ard Credit Limit</a:t>
          </a:r>
          <a:endParaRPr lang="en-US" sz="1600" kern="1200" dirty="0"/>
        </a:p>
      </dsp:txBody>
      <dsp:txXfrm>
        <a:off x="209622" y="2649940"/>
        <a:ext cx="2764074" cy="508945"/>
      </dsp:txXfrm>
    </dsp:sp>
    <dsp:sp modelId="{3ACE7179-5A07-456D-A549-DB1E848E1314}">
      <dsp:nvSpPr>
        <dsp:cNvPr id="0" name=""/>
        <dsp:cNvSpPr/>
      </dsp:nvSpPr>
      <dsp:spPr>
        <a:xfrm>
          <a:off x="1573" y="3304189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90E3E3D-22BC-42FD-B278-F48B2812EC65}">
      <dsp:nvSpPr>
        <dsp:cNvPr id="0" name=""/>
        <dsp:cNvSpPr/>
      </dsp:nvSpPr>
      <dsp:spPr>
        <a:xfrm>
          <a:off x="209622" y="3158885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Open to Buy Balance</a:t>
          </a:r>
          <a:endParaRPr lang="en-US" sz="1600" kern="1200" dirty="0"/>
        </a:p>
      </dsp:txBody>
      <dsp:txXfrm>
        <a:off x="209622" y="3158885"/>
        <a:ext cx="2764074" cy="508945"/>
      </dsp:txXfrm>
    </dsp:sp>
    <dsp:sp modelId="{8F8AE62F-8709-499B-992C-58CE2ABDD147}">
      <dsp:nvSpPr>
        <dsp:cNvPr id="0" name=""/>
        <dsp:cNvSpPr/>
      </dsp:nvSpPr>
      <dsp:spPr>
        <a:xfrm>
          <a:off x="1573" y="3813135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F23BEC7-6FE8-4C88-8AF6-8BE9A1D76F50}">
      <dsp:nvSpPr>
        <dsp:cNvPr id="0" name=""/>
        <dsp:cNvSpPr/>
      </dsp:nvSpPr>
      <dsp:spPr>
        <a:xfrm>
          <a:off x="209622" y="3667831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Total Outstanding Balance</a:t>
          </a:r>
          <a:endParaRPr lang="en-US" sz="1600" kern="1200" dirty="0"/>
        </a:p>
      </dsp:txBody>
      <dsp:txXfrm>
        <a:off x="209622" y="3667831"/>
        <a:ext cx="2764074" cy="508945"/>
      </dsp:txXfrm>
    </dsp:sp>
    <dsp:sp modelId="{152B128E-23B9-461B-B0D9-8E8F70810802}">
      <dsp:nvSpPr>
        <dsp:cNvPr id="0" name=""/>
        <dsp:cNvSpPr/>
      </dsp:nvSpPr>
      <dsp:spPr>
        <a:xfrm>
          <a:off x="1573" y="4322080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752ACE5F-9BE2-4F49-8550-7DD46DD4030B}">
      <dsp:nvSpPr>
        <dsp:cNvPr id="0" name=""/>
        <dsp:cNvSpPr/>
      </dsp:nvSpPr>
      <dsp:spPr>
        <a:xfrm>
          <a:off x="209622" y="4176776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Minimum Due Amount</a:t>
          </a:r>
          <a:endParaRPr lang="en-US" sz="1600" kern="1200" dirty="0"/>
        </a:p>
      </dsp:txBody>
      <dsp:txXfrm>
        <a:off x="209622" y="4176776"/>
        <a:ext cx="2764074" cy="508945"/>
      </dsp:txXfrm>
    </dsp:sp>
    <dsp:sp modelId="{954D4832-DB4F-4837-B57C-5802BFA4CE87}">
      <dsp:nvSpPr>
        <dsp:cNvPr id="0" name=""/>
        <dsp:cNvSpPr/>
      </dsp:nvSpPr>
      <dsp:spPr>
        <a:xfrm>
          <a:off x="1573" y="4831025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4044CCDE-C764-4F96-872D-C80390B122B2}">
      <dsp:nvSpPr>
        <dsp:cNvPr id="0" name=""/>
        <dsp:cNvSpPr/>
      </dsp:nvSpPr>
      <dsp:spPr>
        <a:xfrm>
          <a:off x="209622" y="4685721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Payment Due Date</a:t>
          </a:r>
          <a:endParaRPr lang="en-US" sz="1600" kern="1200" dirty="0"/>
        </a:p>
      </dsp:txBody>
      <dsp:txXfrm>
        <a:off x="209622" y="4685721"/>
        <a:ext cx="2764074" cy="508945"/>
      </dsp:txXfrm>
    </dsp:sp>
    <dsp:sp modelId="{31930DDC-9379-4CFE-84B6-403D8DA4EE3C}">
      <dsp:nvSpPr>
        <dsp:cNvPr id="0" name=""/>
        <dsp:cNvSpPr/>
      </dsp:nvSpPr>
      <dsp:spPr>
        <a:xfrm>
          <a:off x="3122303" y="628139"/>
          <a:ext cx="2972123" cy="349661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8C997A84-7BBB-454D-827E-C58C73AFA1EA}">
      <dsp:nvSpPr>
        <dsp:cNvPr id="0" name=""/>
        <dsp:cNvSpPr/>
      </dsp:nvSpPr>
      <dsp:spPr>
        <a:xfrm>
          <a:off x="3122303" y="759457"/>
          <a:ext cx="218342" cy="218342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77709CD-B11B-47C6-9DE2-45C96B654159}">
      <dsp:nvSpPr>
        <dsp:cNvPr id="0" name=""/>
        <dsp:cNvSpPr/>
      </dsp:nvSpPr>
      <dsp:spPr>
        <a:xfrm>
          <a:off x="3122303" y="0"/>
          <a:ext cx="2972123" cy="628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675" tIns="44450" rIns="66675" bIns="44450" numCol="1" spcCol="1270" anchor="ctr" anchorCtr="0">
          <a:noAutofit/>
        </a:bodyPr>
        <a:lstStyle/>
        <a:p>
          <a:pPr lvl="0" algn="l" defTabSz="1555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500" b="1" kern="1200" dirty="0" smtClean="0"/>
            <a:t>Part 2(Phase 3)</a:t>
          </a:r>
          <a:endParaRPr lang="en-US" sz="3500" b="1" kern="1200" dirty="0"/>
        </a:p>
      </dsp:txBody>
      <dsp:txXfrm>
        <a:off x="3122303" y="0"/>
        <a:ext cx="2972123" cy="628139"/>
      </dsp:txXfrm>
    </dsp:sp>
    <dsp:sp modelId="{13825A37-883B-4F23-AFC9-DC86ADDFFB1F}">
      <dsp:nvSpPr>
        <dsp:cNvPr id="0" name=""/>
        <dsp:cNvSpPr/>
      </dsp:nvSpPr>
      <dsp:spPr>
        <a:xfrm>
          <a:off x="3122303" y="1268408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F837B0F1-0758-4AA6-AAB1-2F6A0E98E331}">
      <dsp:nvSpPr>
        <dsp:cNvPr id="0" name=""/>
        <dsp:cNvSpPr/>
      </dsp:nvSpPr>
      <dsp:spPr>
        <a:xfrm>
          <a:off x="3330351" y="1123104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redit Card Activation</a:t>
          </a:r>
          <a:endParaRPr lang="en-US" sz="1600" kern="1200" dirty="0"/>
        </a:p>
      </dsp:txBody>
      <dsp:txXfrm>
        <a:off x="3330351" y="1123104"/>
        <a:ext cx="2764074" cy="508945"/>
      </dsp:txXfrm>
    </dsp:sp>
    <dsp:sp modelId="{EB3E1D36-94DB-4EAA-95DB-5F306D207456}">
      <dsp:nvSpPr>
        <dsp:cNvPr id="0" name=""/>
        <dsp:cNvSpPr/>
      </dsp:nvSpPr>
      <dsp:spPr>
        <a:xfrm>
          <a:off x="3122303" y="1777353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721A439-08AB-4380-BB73-13D20BF66B02}">
      <dsp:nvSpPr>
        <dsp:cNvPr id="0" name=""/>
        <dsp:cNvSpPr/>
      </dsp:nvSpPr>
      <dsp:spPr>
        <a:xfrm>
          <a:off x="3330351" y="1632049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Insurance (De)Activation</a:t>
          </a:r>
          <a:endParaRPr lang="en-US" sz="1600" kern="1200" dirty="0"/>
        </a:p>
      </dsp:txBody>
      <dsp:txXfrm>
        <a:off x="3330351" y="1632049"/>
        <a:ext cx="2764074" cy="508945"/>
      </dsp:txXfrm>
    </dsp:sp>
    <dsp:sp modelId="{4DD3D534-E31F-47A7-981E-5B2813A2D315}">
      <dsp:nvSpPr>
        <dsp:cNvPr id="0" name=""/>
        <dsp:cNvSpPr/>
      </dsp:nvSpPr>
      <dsp:spPr>
        <a:xfrm>
          <a:off x="3122303" y="2286299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2EF226DC-AB5D-4A8C-91E7-F0F68626BF8E}">
      <dsp:nvSpPr>
        <dsp:cNvPr id="0" name=""/>
        <dsp:cNvSpPr/>
      </dsp:nvSpPr>
      <dsp:spPr>
        <a:xfrm>
          <a:off x="3330351" y="2140995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Block/Un-block Card</a:t>
          </a:r>
          <a:endParaRPr lang="en-US" sz="1600" kern="1200" dirty="0"/>
        </a:p>
      </dsp:txBody>
      <dsp:txXfrm>
        <a:off x="3330351" y="2140995"/>
        <a:ext cx="2764074" cy="508945"/>
      </dsp:txXfrm>
    </dsp:sp>
    <dsp:sp modelId="{662BAA20-CCC6-492D-A419-1031557B69C1}">
      <dsp:nvSpPr>
        <dsp:cNvPr id="0" name=""/>
        <dsp:cNvSpPr/>
      </dsp:nvSpPr>
      <dsp:spPr>
        <a:xfrm>
          <a:off x="3122303" y="2795244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531A24E3-8250-4BCC-BA81-EA01228095B5}">
      <dsp:nvSpPr>
        <dsp:cNvPr id="0" name=""/>
        <dsp:cNvSpPr/>
      </dsp:nvSpPr>
      <dsp:spPr>
        <a:xfrm>
          <a:off x="3330351" y="2649940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Supplementary Card Request</a:t>
          </a:r>
          <a:endParaRPr lang="en-US" sz="1600" kern="1200" dirty="0"/>
        </a:p>
      </dsp:txBody>
      <dsp:txXfrm>
        <a:off x="3330351" y="2649940"/>
        <a:ext cx="2764074" cy="508945"/>
      </dsp:txXfrm>
    </dsp:sp>
    <dsp:sp modelId="{A64462F3-63BB-4A40-BF6E-624BFC60E4CC}">
      <dsp:nvSpPr>
        <dsp:cNvPr id="0" name=""/>
        <dsp:cNvSpPr/>
      </dsp:nvSpPr>
      <dsp:spPr>
        <a:xfrm>
          <a:off x="3122303" y="3304189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657B151E-6BA2-490B-BDFC-562E29D34721}">
      <dsp:nvSpPr>
        <dsp:cNvPr id="0" name=""/>
        <dsp:cNvSpPr/>
      </dsp:nvSpPr>
      <dsp:spPr>
        <a:xfrm>
          <a:off x="3330351" y="3158885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ard Replacement Request</a:t>
          </a:r>
          <a:endParaRPr lang="en-US" sz="1600" kern="1200" dirty="0"/>
        </a:p>
      </dsp:txBody>
      <dsp:txXfrm>
        <a:off x="3330351" y="3158885"/>
        <a:ext cx="2764074" cy="508945"/>
      </dsp:txXfrm>
    </dsp:sp>
    <dsp:sp modelId="{8D47415D-9394-ED49-B6FF-3663B30593C5}">
      <dsp:nvSpPr>
        <dsp:cNvPr id="0" name=""/>
        <dsp:cNvSpPr/>
      </dsp:nvSpPr>
      <dsp:spPr>
        <a:xfrm>
          <a:off x="3122303" y="3813135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CD129DBA-5D11-2D4D-8514-792C5BCD7E0F}">
      <dsp:nvSpPr>
        <dsp:cNvPr id="0" name=""/>
        <dsp:cNvSpPr/>
      </dsp:nvSpPr>
      <dsp:spPr>
        <a:xfrm>
          <a:off x="3330351" y="3667831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Master Card QR Pass</a:t>
          </a:r>
          <a:endParaRPr lang="en-US" sz="1600" kern="1200" dirty="0"/>
        </a:p>
      </dsp:txBody>
      <dsp:txXfrm>
        <a:off x="3330351" y="3667831"/>
        <a:ext cx="2764074" cy="508945"/>
      </dsp:txXfrm>
    </dsp:sp>
    <dsp:sp modelId="{994DBF34-C38F-D940-BC81-2C63591297EB}">
      <dsp:nvSpPr>
        <dsp:cNvPr id="0" name=""/>
        <dsp:cNvSpPr/>
      </dsp:nvSpPr>
      <dsp:spPr>
        <a:xfrm>
          <a:off x="3122303" y="4322080"/>
          <a:ext cx="218337" cy="218337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0">
          <a:scrgbClr r="0" g="0" b="0"/>
        </a:effectRef>
        <a:fontRef idx="minor"/>
      </dsp:style>
    </dsp:sp>
    <dsp:sp modelId="{390D97CD-C098-7642-8ECF-1BA55415C49C}">
      <dsp:nvSpPr>
        <dsp:cNvPr id="0" name=""/>
        <dsp:cNvSpPr/>
      </dsp:nvSpPr>
      <dsp:spPr>
        <a:xfrm>
          <a:off x="3330351" y="4176776"/>
          <a:ext cx="2764074" cy="5089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Cash withdraw (</a:t>
          </a:r>
          <a:r>
            <a:rPr lang="en-US" sz="1600" kern="1200" dirty="0" err="1" smtClean="0"/>
            <a:t>cardless</a:t>
          </a:r>
          <a:r>
            <a:rPr lang="en-US" sz="1600" kern="1200" smtClean="0"/>
            <a:t>)</a:t>
          </a:r>
          <a:endParaRPr lang="en-US" sz="1600" kern="1200"/>
        </a:p>
      </dsp:txBody>
      <dsp:txXfrm>
        <a:off x="3330351" y="4176776"/>
        <a:ext cx="2764074" cy="508945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C337F94-7E42-4F49-A0BD-41F7557FF8BE}">
      <dsp:nvSpPr>
        <dsp:cNvPr id="0" name=""/>
        <dsp:cNvSpPr/>
      </dsp:nvSpPr>
      <dsp:spPr>
        <a:xfrm>
          <a:off x="699" y="1460"/>
          <a:ext cx="6094601" cy="1281906"/>
        </a:xfrm>
        <a:prstGeom prst="roundRect">
          <a:avLst>
            <a:gd name="adj" fmla="val 10000"/>
          </a:avLst>
        </a:prstGeom>
        <a:solidFill>
          <a:schemeClr val="accent6">
            <a:shade val="8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0" tIns="152400" rIns="152400" bIns="15240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000" kern="1200" dirty="0" smtClean="0"/>
            <a:t>Credit Card Payment</a:t>
          </a:r>
          <a:endParaRPr lang="en-US" sz="4000" kern="1200" dirty="0"/>
        </a:p>
      </dsp:txBody>
      <dsp:txXfrm>
        <a:off x="38245" y="39006"/>
        <a:ext cx="6019509" cy="1206814"/>
      </dsp:txXfrm>
    </dsp:sp>
    <dsp:sp modelId="{5A4AF22A-73EA-4817-9746-A6E70A14367A}">
      <dsp:nvSpPr>
        <dsp:cNvPr id="0" name=""/>
        <dsp:cNvSpPr/>
      </dsp:nvSpPr>
      <dsp:spPr>
        <a:xfrm>
          <a:off x="699" y="1391046"/>
          <a:ext cx="3981182" cy="1281906"/>
        </a:xfrm>
        <a:prstGeom prst="roundRect">
          <a:avLst>
            <a:gd name="adj" fmla="val 10000"/>
          </a:avLst>
        </a:prstGeom>
        <a:solidFill>
          <a:schemeClr val="accent6">
            <a:tint val="99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u="none" kern="1200" dirty="0" smtClean="0"/>
            <a:t>Bill Payment/</a:t>
          </a:r>
          <a:r>
            <a:rPr lang="vi-VN" sz="2500" u="none" kern="1200" dirty="0" smtClean="0"/>
            <a:t>Mobile Top-up</a:t>
          </a:r>
        </a:p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P2P Money Transfer</a:t>
          </a:r>
          <a:endParaRPr lang="en-US" sz="2500" kern="1200" dirty="0"/>
        </a:p>
      </dsp:txBody>
      <dsp:txXfrm>
        <a:off x="38245" y="1428592"/>
        <a:ext cx="3906090" cy="1206814"/>
      </dsp:txXfrm>
    </dsp:sp>
    <dsp:sp modelId="{93FE94B4-A886-4F9D-A3F9-961F81716571}">
      <dsp:nvSpPr>
        <dsp:cNvPr id="0" name=""/>
        <dsp:cNvSpPr/>
      </dsp:nvSpPr>
      <dsp:spPr>
        <a:xfrm>
          <a:off x="0" y="2782093"/>
          <a:ext cx="1949648" cy="1281906"/>
        </a:xfrm>
        <a:prstGeom prst="roundRect">
          <a:avLst>
            <a:gd name="adj" fmla="val 10000"/>
          </a:avLst>
        </a:prstGeom>
        <a:solidFill>
          <a:schemeClr val="accent6">
            <a:tint val="8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Today </a:t>
          </a:r>
        </a:p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Transactions</a:t>
          </a:r>
          <a:endParaRPr lang="en-US" sz="2500" kern="1200" dirty="0"/>
        </a:p>
      </dsp:txBody>
      <dsp:txXfrm>
        <a:off x="37546" y="2819639"/>
        <a:ext cx="1874556" cy="1206814"/>
      </dsp:txXfrm>
    </dsp:sp>
    <dsp:sp modelId="{CE535A9A-A4CB-413D-B5B0-AFE5466B05FA}">
      <dsp:nvSpPr>
        <dsp:cNvPr id="0" name=""/>
        <dsp:cNvSpPr/>
      </dsp:nvSpPr>
      <dsp:spPr>
        <a:xfrm>
          <a:off x="2032233" y="2780633"/>
          <a:ext cx="1949648" cy="1281906"/>
        </a:xfrm>
        <a:prstGeom prst="roundRect">
          <a:avLst>
            <a:gd name="adj" fmla="val 10000"/>
          </a:avLst>
        </a:prstGeom>
        <a:solidFill>
          <a:schemeClr val="accent6">
            <a:tint val="8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Current</a:t>
          </a:r>
        </a:p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Statement</a:t>
          </a:r>
          <a:endParaRPr lang="en-US" sz="2500" kern="1200" dirty="0"/>
        </a:p>
      </dsp:txBody>
      <dsp:txXfrm>
        <a:off x="2069779" y="2818179"/>
        <a:ext cx="1874556" cy="1206814"/>
      </dsp:txXfrm>
    </dsp:sp>
    <dsp:sp modelId="{C35A0803-EFFB-48F4-8987-3047622C631A}">
      <dsp:nvSpPr>
        <dsp:cNvPr id="0" name=""/>
        <dsp:cNvSpPr/>
      </dsp:nvSpPr>
      <dsp:spPr>
        <a:xfrm>
          <a:off x="4145652" y="1391046"/>
          <a:ext cx="1949648" cy="1281906"/>
        </a:xfrm>
        <a:prstGeom prst="roundRect">
          <a:avLst>
            <a:gd name="adj" fmla="val 10000"/>
          </a:avLst>
        </a:prstGeom>
        <a:solidFill>
          <a:schemeClr val="accent6">
            <a:tint val="99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Master Card</a:t>
          </a:r>
        </a:p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QR PASS</a:t>
          </a:r>
          <a:endParaRPr lang="en-US" sz="2500" kern="1200" dirty="0"/>
        </a:p>
      </dsp:txBody>
      <dsp:txXfrm>
        <a:off x="4183198" y="1428592"/>
        <a:ext cx="1874556" cy="1206814"/>
      </dsp:txXfrm>
    </dsp:sp>
    <dsp:sp modelId="{4A454005-24F7-4F77-8A80-379EAC7A2603}">
      <dsp:nvSpPr>
        <dsp:cNvPr id="0" name=""/>
        <dsp:cNvSpPr/>
      </dsp:nvSpPr>
      <dsp:spPr>
        <a:xfrm>
          <a:off x="4145652" y="2780633"/>
          <a:ext cx="1949648" cy="1281906"/>
        </a:xfrm>
        <a:prstGeom prst="roundRect">
          <a:avLst>
            <a:gd name="adj" fmla="val 10000"/>
          </a:avLst>
        </a:prstGeom>
        <a:solidFill>
          <a:schemeClr val="accent6">
            <a:tint val="8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Past</a:t>
          </a:r>
        </a:p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kern="1200" dirty="0" smtClean="0"/>
            <a:t>Statement</a:t>
          </a:r>
          <a:endParaRPr lang="en-US" sz="2500" kern="1200" dirty="0"/>
        </a:p>
      </dsp:txBody>
      <dsp:txXfrm>
        <a:off x="4183198" y="2818179"/>
        <a:ext cx="1874556" cy="120681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95EBFE0-A08C-41FB-BCD0-B97CC4CA0A6A}">
      <dsp:nvSpPr>
        <dsp:cNvPr id="0" name=""/>
        <dsp:cNvSpPr/>
      </dsp:nvSpPr>
      <dsp:spPr>
        <a:xfrm>
          <a:off x="3823760" y="2437325"/>
          <a:ext cx="886878" cy="886878"/>
        </a:xfrm>
        <a:prstGeom prst="ellipse">
          <a:avLst/>
        </a:prstGeom>
        <a:gradFill rotWithShape="1">
          <a:gsLst>
            <a:gs pos="0">
              <a:schemeClr val="accent6">
                <a:lumMod val="110000"/>
                <a:satMod val="105000"/>
                <a:tint val="67000"/>
              </a:schemeClr>
            </a:gs>
            <a:gs pos="50000">
              <a:schemeClr val="accent6">
                <a:lumMod val="105000"/>
                <a:satMod val="103000"/>
                <a:tint val="73000"/>
              </a:schemeClr>
            </a:gs>
            <a:gs pos="100000">
              <a:schemeClr val="accent6"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6"/>
          </a:solidFill>
          <a:prstDash val="solid"/>
          <a:miter lim="800000"/>
        </a:ln>
        <a:effectLst/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smtClean="0"/>
            <a:t>MOBILE</a:t>
          </a:r>
          <a:endParaRPr lang="en-US" sz="1200" kern="1200" dirty="0"/>
        </a:p>
      </dsp:txBody>
      <dsp:txXfrm>
        <a:off x="3953640" y="2567205"/>
        <a:ext cx="627118" cy="627118"/>
      </dsp:txXfrm>
    </dsp:sp>
    <dsp:sp modelId="{ACB1BD7E-98A6-4E92-A583-8B8042FA2074}">
      <dsp:nvSpPr>
        <dsp:cNvPr id="0" name=""/>
        <dsp:cNvSpPr/>
      </dsp:nvSpPr>
      <dsp:spPr>
        <a:xfrm rot="16200000">
          <a:off x="3504356" y="1665128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4229057" y="1636339"/>
        <a:ext cx="76284" cy="76284"/>
      </dsp:txXfrm>
    </dsp:sp>
    <dsp:sp modelId="{FB914967-FF1A-491E-B5DC-5AA787672EB7}">
      <dsp:nvSpPr>
        <dsp:cNvPr id="0" name=""/>
        <dsp:cNvSpPr/>
      </dsp:nvSpPr>
      <dsp:spPr>
        <a:xfrm>
          <a:off x="3823760" y="24759"/>
          <a:ext cx="886878" cy="886878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Online Payments</a:t>
          </a:r>
          <a:endParaRPr lang="en-US" sz="1050" kern="1200" dirty="0"/>
        </a:p>
      </dsp:txBody>
      <dsp:txXfrm>
        <a:off x="3953640" y="154639"/>
        <a:ext cx="627118" cy="627118"/>
      </dsp:txXfrm>
    </dsp:sp>
    <dsp:sp modelId="{22E4FD5E-FF04-4A70-9A4B-230177841CCD}">
      <dsp:nvSpPr>
        <dsp:cNvPr id="0" name=""/>
        <dsp:cNvSpPr/>
      </dsp:nvSpPr>
      <dsp:spPr>
        <a:xfrm rot="17861538">
          <a:off x="4064943" y="1803301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4789645" y="1774511"/>
        <a:ext cx="76284" cy="76284"/>
      </dsp:txXfrm>
    </dsp:sp>
    <dsp:sp modelId="{26B00666-B580-44FD-A028-6806AE406E53}">
      <dsp:nvSpPr>
        <dsp:cNvPr id="0" name=""/>
        <dsp:cNvSpPr/>
      </dsp:nvSpPr>
      <dsp:spPr>
        <a:xfrm>
          <a:off x="4944935" y="301104"/>
          <a:ext cx="886878" cy="886878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Loan &amp; Credit Card</a:t>
          </a:r>
          <a:endParaRPr lang="en-US" sz="1050" kern="1200" dirty="0"/>
        </a:p>
      </dsp:txBody>
      <dsp:txXfrm>
        <a:off x="5074815" y="430984"/>
        <a:ext cx="627118" cy="627118"/>
      </dsp:txXfrm>
    </dsp:sp>
    <dsp:sp modelId="{7FB06CCD-9D50-4ACB-8D65-DA395567F998}">
      <dsp:nvSpPr>
        <dsp:cNvPr id="0" name=""/>
        <dsp:cNvSpPr/>
      </dsp:nvSpPr>
      <dsp:spPr>
        <a:xfrm rot="19523077">
          <a:off x="4497107" y="2186165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5221809" y="2157375"/>
        <a:ext cx="76284" cy="76284"/>
      </dsp:txXfrm>
    </dsp:sp>
    <dsp:sp modelId="{60F50CA5-0F47-4657-96D1-721DB4E2FBAC}">
      <dsp:nvSpPr>
        <dsp:cNvPr id="0" name=""/>
        <dsp:cNvSpPr/>
      </dsp:nvSpPr>
      <dsp:spPr>
        <a:xfrm>
          <a:off x="5809263" y="1066831"/>
          <a:ext cx="886878" cy="886878"/>
        </a:xfrm>
        <a:prstGeom prst="ellipse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Push message &amp; message box</a:t>
          </a:r>
          <a:endParaRPr lang="en-US" sz="1050" kern="1200" dirty="0" smtClean="0"/>
        </a:p>
      </dsp:txBody>
      <dsp:txXfrm>
        <a:off x="5939143" y="1196711"/>
        <a:ext cx="627118" cy="627118"/>
      </dsp:txXfrm>
    </dsp:sp>
    <dsp:sp modelId="{3A0441D5-BE51-4D42-9C6E-BAD7491C29BC}">
      <dsp:nvSpPr>
        <dsp:cNvPr id="0" name=""/>
        <dsp:cNvSpPr/>
      </dsp:nvSpPr>
      <dsp:spPr>
        <a:xfrm rot="21184615">
          <a:off x="4701844" y="2726010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5426545" y="2697220"/>
        <a:ext cx="76284" cy="76284"/>
      </dsp:txXfrm>
    </dsp:sp>
    <dsp:sp modelId="{C72E83B6-5F72-4880-98AB-2D4FFBDF53B3}">
      <dsp:nvSpPr>
        <dsp:cNvPr id="0" name=""/>
        <dsp:cNvSpPr/>
      </dsp:nvSpPr>
      <dsp:spPr>
        <a:xfrm>
          <a:off x="6218736" y="2146522"/>
          <a:ext cx="886878" cy="886878"/>
        </a:xfrm>
        <a:prstGeom prst="ellips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POSs and Recollection Branches</a:t>
          </a:r>
          <a:endParaRPr lang="en-US" sz="1050" kern="1200" dirty="0"/>
        </a:p>
      </dsp:txBody>
      <dsp:txXfrm>
        <a:off x="6348616" y="2276402"/>
        <a:ext cx="627118" cy="627118"/>
      </dsp:txXfrm>
    </dsp:sp>
    <dsp:sp modelId="{DFF20F50-3D39-441A-A6A6-084C1F184525}">
      <dsp:nvSpPr>
        <dsp:cNvPr id="0" name=""/>
        <dsp:cNvSpPr/>
      </dsp:nvSpPr>
      <dsp:spPr>
        <a:xfrm rot="1246154">
          <a:off x="4632250" y="3299165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5356951" y="3270375"/>
        <a:ext cx="76284" cy="76284"/>
      </dsp:txXfrm>
    </dsp:sp>
    <dsp:sp modelId="{A1D9B1E4-41CB-4CD7-B4DC-D5EE061D3F87}">
      <dsp:nvSpPr>
        <dsp:cNvPr id="0" name=""/>
        <dsp:cNvSpPr/>
      </dsp:nvSpPr>
      <dsp:spPr>
        <a:xfrm>
          <a:off x="6079548" y="3292832"/>
          <a:ext cx="886878" cy="886878"/>
        </a:xfrm>
        <a:prstGeom prst="ellipse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Customer Profile (Wish-list, Hobbies)</a:t>
          </a:r>
          <a:endParaRPr lang="en-US" sz="1050" kern="1200" dirty="0"/>
        </a:p>
      </dsp:txBody>
      <dsp:txXfrm>
        <a:off x="6209428" y="3422712"/>
        <a:ext cx="627118" cy="627118"/>
      </dsp:txXfrm>
    </dsp:sp>
    <dsp:sp modelId="{E296577D-B856-46C9-B8CA-FC2E7DDE2DC5}">
      <dsp:nvSpPr>
        <dsp:cNvPr id="0" name=""/>
        <dsp:cNvSpPr/>
      </dsp:nvSpPr>
      <dsp:spPr>
        <a:xfrm rot="2907692">
          <a:off x="4304269" y="3774327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5028971" y="3745537"/>
        <a:ext cx="76284" cy="76284"/>
      </dsp:txXfrm>
    </dsp:sp>
    <dsp:sp modelId="{40AF190A-CD3C-4EA5-84CB-EFD44BFB0180}">
      <dsp:nvSpPr>
        <dsp:cNvPr id="0" name=""/>
        <dsp:cNvSpPr/>
      </dsp:nvSpPr>
      <dsp:spPr>
        <a:xfrm>
          <a:off x="5423587" y="4243156"/>
          <a:ext cx="886878" cy="886878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Production info, Tips, FAQ, Hotline</a:t>
          </a:r>
          <a:endParaRPr lang="en-US" sz="1050" kern="1200" dirty="0" smtClean="0"/>
        </a:p>
      </dsp:txBody>
      <dsp:txXfrm>
        <a:off x="5553467" y="4373036"/>
        <a:ext cx="627118" cy="627118"/>
      </dsp:txXfrm>
    </dsp:sp>
    <dsp:sp modelId="{A4440FBD-33E8-489B-B4DE-979CEF1595E0}">
      <dsp:nvSpPr>
        <dsp:cNvPr id="0" name=""/>
        <dsp:cNvSpPr/>
      </dsp:nvSpPr>
      <dsp:spPr>
        <a:xfrm rot="4569231">
          <a:off x="3793038" y="4042642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>
        <a:off x="4517740" y="4013852"/>
        <a:ext cx="76284" cy="76284"/>
      </dsp:txXfrm>
    </dsp:sp>
    <dsp:sp modelId="{BE018A27-DC0F-445C-B7E6-F442E88D3048}">
      <dsp:nvSpPr>
        <dsp:cNvPr id="0" name=""/>
        <dsp:cNvSpPr/>
      </dsp:nvSpPr>
      <dsp:spPr>
        <a:xfrm>
          <a:off x="4401125" y="4779785"/>
          <a:ext cx="886878" cy="886878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Loan calculator</a:t>
          </a:r>
          <a:endParaRPr lang="en-US" sz="1050" kern="1200" dirty="0" smtClean="0"/>
        </a:p>
      </dsp:txBody>
      <dsp:txXfrm>
        <a:off x="4531005" y="4909665"/>
        <a:ext cx="627118" cy="627118"/>
      </dsp:txXfrm>
    </dsp:sp>
    <dsp:sp modelId="{A8895F14-A07C-4C35-9FA5-E1E8AA7402BA}">
      <dsp:nvSpPr>
        <dsp:cNvPr id="0" name=""/>
        <dsp:cNvSpPr/>
      </dsp:nvSpPr>
      <dsp:spPr>
        <a:xfrm rot="6230769">
          <a:off x="3215674" y="4042642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700" kern="1200">
            <a:solidFill>
              <a:schemeClr val="bg1"/>
            </a:solidFill>
          </a:endParaRPr>
        </a:p>
      </dsp:txBody>
      <dsp:txXfrm rot="10800000">
        <a:off x="3940375" y="4013852"/>
        <a:ext cx="76284" cy="76284"/>
      </dsp:txXfrm>
    </dsp:sp>
    <dsp:sp modelId="{064FA84B-D925-4EC6-B528-1149782BE6B5}">
      <dsp:nvSpPr>
        <dsp:cNvPr id="0" name=""/>
        <dsp:cNvSpPr/>
      </dsp:nvSpPr>
      <dsp:spPr>
        <a:xfrm>
          <a:off x="3246396" y="4779785"/>
          <a:ext cx="886878" cy="886878"/>
        </a:xfrm>
        <a:prstGeom prst="ellipse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Apply now</a:t>
          </a:r>
          <a:endParaRPr lang="en-US" sz="1050" kern="1200" dirty="0" smtClean="0"/>
        </a:p>
      </dsp:txBody>
      <dsp:txXfrm>
        <a:off x="3376276" y="4909665"/>
        <a:ext cx="627118" cy="627118"/>
      </dsp:txXfrm>
    </dsp:sp>
    <dsp:sp modelId="{BA02ADD9-8675-4EF6-9C78-04DADBA54D96}">
      <dsp:nvSpPr>
        <dsp:cNvPr id="0" name=""/>
        <dsp:cNvSpPr/>
      </dsp:nvSpPr>
      <dsp:spPr>
        <a:xfrm rot="7892308">
          <a:off x="2704443" y="3774327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 rot="10800000">
        <a:off x="3429144" y="3745537"/>
        <a:ext cx="76284" cy="76284"/>
      </dsp:txXfrm>
    </dsp:sp>
    <dsp:sp modelId="{37C063FC-D560-4C50-8EE7-6BCC9BC9B3D4}">
      <dsp:nvSpPr>
        <dsp:cNvPr id="0" name=""/>
        <dsp:cNvSpPr/>
      </dsp:nvSpPr>
      <dsp:spPr>
        <a:xfrm>
          <a:off x="2223933" y="4243156"/>
          <a:ext cx="886878" cy="886878"/>
        </a:xfrm>
        <a:prstGeom prst="ellips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dirty="0" smtClean="0"/>
            <a:t>3</a:t>
          </a:r>
          <a:r>
            <a:rPr lang="en-US" sz="1050" kern="1200" baseline="30000" dirty="0" smtClean="0"/>
            <a:t>rd</a:t>
          </a:r>
          <a:r>
            <a:rPr lang="en-US" sz="1050" kern="1200" dirty="0" smtClean="0"/>
            <a:t> party Integration</a:t>
          </a:r>
        </a:p>
      </dsp:txBody>
      <dsp:txXfrm>
        <a:off x="2353813" y="4373036"/>
        <a:ext cx="627118" cy="627118"/>
      </dsp:txXfrm>
    </dsp:sp>
    <dsp:sp modelId="{AC904CD6-86BB-4DC0-B676-E4F4E52C73A0}">
      <dsp:nvSpPr>
        <dsp:cNvPr id="0" name=""/>
        <dsp:cNvSpPr/>
      </dsp:nvSpPr>
      <dsp:spPr>
        <a:xfrm rot="9553846">
          <a:off x="2376462" y="3299165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 rot="10800000">
        <a:off x="3101163" y="3270375"/>
        <a:ext cx="76284" cy="76284"/>
      </dsp:txXfrm>
    </dsp:sp>
    <dsp:sp modelId="{4A0E5996-7849-4B37-9D94-0D676E9A6580}">
      <dsp:nvSpPr>
        <dsp:cNvPr id="0" name=""/>
        <dsp:cNvSpPr/>
      </dsp:nvSpPr>
      <dsp:spPr>
        <a:xfrm>
          <a:off x="1567972" y="3292832"/>
          <a:ext cx="886878" cy="886878"/>
        </a:xfrm>
        <a:prstGeom prst="ellipse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050" kern="1200" smtClean="0"/>
            <a:t>Tracking customer activity and behavior</a:t>
          </a:r>
          <a:endParaRPr lang="en-US" sz="1050" kern="1200" dirty="0" smtClean="0"/>
        </a:p>
      </dsp:txBody>
      <dsp:txXfrm>
        <a:off x="1697852" y="3422712"/>
        <a:ext cx="627118" cy="627118"/>
      </dsp:txXfrm>
    </dsp:sp>
    <dsp:sp modelId="{A5CF0434-4A0D-45BA-A59A-79CBB7ED52D5}">
      <dsp:nvSpPr>
        <dsp:cNvPr id="0" name=""/>
        <dsp:cNvSpPr/>
      </dsp:nvSpPr>
      <dsp:spPr>
        <a:xfrm rot="11215385">
          <a:off x="2306868" y="2726010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 rot="10800000">
        <a:off x="3031570" y="2697220"/>
        <a:ext cx="76284" cy="76284"/>
      </dsp:txXfrm>
    </dsp:sp>
    <dsp:sp modelId="{8048D199-4A25-47F0-909F-B91A7C5C6306}">
      <dsp:nvSpPr>
        <dsp:cNvPr id="0" name=""/>
        <dsp:cNvSpPr/>
      </dsp:nvSpPr>
      <dsp:spPr>
        <a:xfrm>
          <a:off x="1428785" y="2146522"/>
          <a:ext cx="886878" cy="886878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Promotion and reward</a:t>
          </a:r>
          <a:endParaRPr lang="en-US" sz="1050" kern="1200" dirty="0" smtClean="0"/>
        </a:p>
      </dsp:txBody>
      <dsp:txXfrm>
        <a:off x="1558665" y="2276402"/>
        <a:ext cx="627118" cy="627118"/>
      </dsp:txXfrm>
    </dsp:sp>
    <dsp:sp modelId="{9A3815F0-11A8-45B9-96E5-01AF00A086AC}">
      <dsp:nvSpPr>
        <dsp:cNvPr id="0" name=""/>
        <dsp:cNvSpPr/>
      </dsp:nvSpPr>
      <dsp:spPr>
        <a:xfrm rot="12876923">
          <a:off x="2511605" y="2186165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 rot="10800000">
        <a:off x="3236306" y="2157375"/>
        <a:ext cx="76284" cy="76284"/>
      </dsp:txXfrm>
    </dsp:sp>
    <dsp:sp modelId="{7CA2EFB0-72C1-4C7D-B105-4868AA0F34FF}">
      <dsp:nvSpPr>
        <dsp:cNvPr id="0" name=""/>
        <dsp:cNvSpPr/>
      </dsp:nvSpPr>
      <dsp:spPr>
        <a:xfrm>
          <a:off x="1838258" y="1066831"/>
          <a:ext cx="886878" cy="886878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Focus on improved UX</a:t>
          </a:r>
          <a:endParaRPr lang="en-US" sz="1050" kern="1200" dirty="0" smtClean="0"/>
        </a:p>
      </dsp:txBody>
      <dsp:txXfrm>
        <a:off x="1968138" y="1196711"/>
        <a:ext cx="627118" cy="627118"/>
      </dsp:txXfrm>
    </dsp:sp>
    <dsp:sp modelId="{780D9288-984D-4354-BB56-2F54BF918641}">
      <dsp:nvSpPr>
        <dsp:cNvPr id="0" name=""/>
        <dsp:cNvSpPr/>
      </dsp:nvSpPr>
      <dsp:spPr>
        <a:xfrm rot="14538462">
          <a:off x="2943768" y="1803301"/>
          <a:ext cx="1525687" cy="18705"/>
        </a:xfrm>
        <a:custGeom>
          <a:avLst/>
          <a:gdLst/>
          <a:ahLst/>
          <a:cxnLst/>
          <a:rect l="0" t="0" r="0" b="0"/>
          <a:pathLst>
            <a:path>
              <a:moveTo>
                <a:pt x="0" y="9352"/>
              </a:moveTo>
              <a:lnTo>
                <a:pt x="1525687" y="9352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700" kern="1200">
            <a:solidFill>
              <a:schemeClr val="bg1"/>
            </a:solidFill>
          </a:endParaRPr>
        </a:p>
      </dsp:txBody>
      <dsp:txXfrm rot="10800000">
        <a:off x="3668470" y="1774511"/>
        <a:ext cx="76284" cy="76284"/>
      </dsp:txXfrm>
    </dsp:sp>
    <dsp:sp modelId="{C93934A4-875F-47D9-8C1D-0E1F26B76297}">
      <dsp:nvSpPr>
        <dsp:cNvPr id="0" name=""/>
        <dsp:cNvSpPr/>
      </dsp:nvSpPr>
      <dsp:spPr>
        <a:xfrm>
          <a:off x="2702585" y="301104"/>
          <a:ext cx="886878" cy="886878"/>
        </a:xfrm>
        <a:prstGeom prst="ellipse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kern="1200" smtClean="0"/>
            <a:t>Offline mode</a:t>
          </a:r>
          <a:endParaRPr lang="en-US" sz="1050" kern="1200" dirty="0" smtClean="0"/>
        </a:p>
      </dsp:txBody>
      <dsp:txXfrm>
        <a:off x="2832465" y="430984"/>
        <a:ext cx="627118" cy="62711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5"/>
            <a:ext cx="3038058" cy="464449"/>
          </a:xfrm>
          <a:prstGeom prst="rect">
            <a:avLst/>
          </a:prstGeom>
        </p:spPr>
        <p:txBody>
          <a:bodyPr vert="horz" lIns="87347" tIns="43674" rIns="87347" bIns="43674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713" y="5"/>
            <a:ext cx="3038058" cy="464449"/>
          </a:xfrm>
          <a:prstGeom prst="rect">
            <a:avLst/>
          </a:prstGeom>
        </p:spPr>
        <p:txBody>
          <a:bodyPr vert="horz" lIns="87347" tIns="43674" rIns="87347" bIns="43674" rtlCol="0"/>
          <a:lstStyle>
            <a:lvl1pPr algn="r">
              <a:defRPr sz="1200"/>
            </a:lvl1pPr>
          </a:lstStyle>
          <a:p>
            <a:fld id="{96928B6F-BA9F-4D35-B2B3-223111BE9BD1}" type="datetimeFigureOut">
              <a:rPr lang="en-US" smtClean="0"/>
              <a:pPr/>
              <a:t>10/3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3" y="8830469"/>
            <a:ext cx="3038058" cy="464448"/>
          </a:xfrm>
          <a:prstGeom prst="rect">
            <a:avLst/>
          </a:prstGeom>
        </p:spPr>
        <p:txBody>
          <a:bodyPr vert="horz" lIns="87347" tIns="43674" rIns="87347" bIns="43674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713" y="8830469"/>
            <a:ext cx="3038058" cy="464448"/>
          </a:xfrm>
          <a:prstGeom prst="rect">
            <a:avLst/>
          </a:prstGeom>
        </p:spPr>
        <p:txBody>
          <a:bodyPr vert="horz" lIns="87347" tIns="43674" rIns="87347" bIns="43674" rtlCol="0" anchor="b"/>
          <a:lstStyle>
            <a:lvl1pPr algn="r">
              <a:defRPr sz="1200"/>
            </a:lvl1pPr>
          </a:lstStyle>
          <a:p>
            <a:fld id="{597E9BDC-68A8-4E8F-B151-3622DB954C9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48601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9" y="9"/>
            <a:ext cx="3037840" cy="464820"/>
          </a:xfrm>
          <a:prstGeom prst="rect">
            <a:avLst/>
          </a:prstGeom>
        </p:spPr>
        <p:txBody>
          <a:bodyPr vert="horz" lIns="87339" tIns="43669" rIns="87339" bIns="4366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47" y="9"/>
            <a:ext cx="3037840" cy="464820"/>
          </a:xfrm>
          <a:prstGeom prst="rect">
            <a:avLst/>
          </a:prstGeom>
        </p:spPr>
        <p:txBody>
          <a:bodyPr vert="horz" lIns="87339" tIns="43669" rIns="87339" bIns="43669" rtlCol="0"/>
          <a:lstStyle>
            <a:lvl1pPr algn="r">
              <a:defRPr sz="1200"/>
            </a:lvl1pPr>
          </a:lstStyle>
          <a:p>
            <a:fld id="{976206DD-B43C-49C6-A89C-326CCB3616AB}" type="datetimeFigureOut">
              <a:rPr lang="en-US" smtClean="0"/>
              <a:pPr/>
              <a:t>10/3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2688" y="698500"/>
            <a:ext cx="4645025" cy="34845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7339" tIns="43669" rIns="87339" bIns="4366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1" y="4415796"/>
            <a:ext cx="5608320" cy="4183381"/>
          </a:xfrm>
          <a:prstGeom prst="rect">
            <a:avLst/>
          </a:prstGeom>
        </p:spPr>
        <p:txBody>
          <a:bodyPr vert="horz" lIns="87339" tIns="43669" rIns="87339" bIns="43669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9" y="8829974"/>
            <a:ext cx="3037840" cy="464820"/>
          </a:xfrm>
          <a:prstGeom prst="rect">
            <a:avLst/>
          </a:prstGeom>
        </p:spPr>
        <p:txBody>
          <a:bodyPr vert="horz" lIns="87339" tIns="43669" rIns="87339" bIns="4366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47" y="8829974"/>
            <a:ext cx="3037840" cy="464820"/>
          </a:xfrm>
          <a:prstGeom prst="rect">
            <a:avLst/>
          </a:prstGeom>
        </p:spPr>
        <p:txBody>
          <a:bodyPr vert="horz" lIns="87339" tIns="43669" rIns="87339" bIns="43669" rtlCol="0" anchor="b"/>
          <a:lstStyle>
            <a:lvl1pPr algn="r">
              <a:defRPr sz="1200"/>
            </a:lvl1pPr>
          </a:lstStyle>
          <a:p>
            <a:fld id="{B8546635-0319-4D17-84BF-723B2A2D127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6288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57509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869525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85547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4700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7852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46635-0319-4D17-84BF-723B2A2D127B}" type="slidenum">
              <a:rPr lang="en-US" smtClean="0"/>
              <a:pPr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38234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72600" y="14514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372600" y="1475014"/>
            <a:ext cx="78867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-2209800" y="6356348"/>
            <a:ext cx="2057400" cy="365125"/>
          </a:xfrm>
        </p:spPr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353460"/>
            <a:ext cx="2057400" cy="365125"/>
          </a:xfrm>
        </p:spPr>
        <p:txBody>
          <a:bodyPr/>
          <a:lstStyle>
            <a:lvl1pPr algn="l">
              <a:defRPr/>
            </a:lvl1pPr>
          </a:lstStyle>
          <a:p>
            <a:fld id="{B097B09F-02A6-420A-9F85-5EA202FC0C05}" type="slidenum">
              <a:rPr lang="en-GB" smtClean="0"/>
              <a:pPr/>
              <a:t>‹#›</a:t>
            </a:fld>
            <a:r>
              <a:rPr lang="en-GB" dirty="0" smtClean="0"/>
              <a:t>|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38290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7626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65776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lIns="36000" tIns="0" rIns="36000" bIns="0" anchor="ctr"/>
          <a:lstStyle>
            <a:lvl1pPr algn="l">
              <a:defRPr sz="900" b="0">
                <a:solidFill>
                  <a:srgbClr val="00003C"/>
                </a:solidFill>
              </a:defRPr>
            </a:lvl1pPr>
          </a:lstStyle>
          <a:p>
            <a:r>
              <a:rPr lang="en-US" dirty="0" smtClean="0"/>
              <a:t>Page </a:t>
            </a:r>
            <a:fld id="{FCE9E358-1F0E-44B0-880A-051EF8ECC4E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0" y="6541464"/>
            <a:ext cx="7560000" cy="1116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itle Placeholder 1"/>
          <p:cNvSpPr>
            <a:spLocks noGrp="1"/>
          </p:cNvSpPr>
          <p:nvPr userDrawn="1">
            <p:ph type="title" hasCustomPrompt="1"/>
          </p:nvPr>
        </p:nvSpPr>
        <p:spPr>
          <a:xfrm>
            <a:off x="152400" y="76200"/>
            <a:ext cx="7886700" cy="3968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defRPr sz="2000" b="1"/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9" name="Text Placeholder 2"/>
          <p:cNvSpPr>
            <a:spLocks noGrp="1"/>
          </p:cNvSpPr>
          <p:nvPr userDrawn="1">
            <p:ph idx="1"/>
          </p:nvPr>
        </p:nvSpPr>
        <p:spPr>
          <a:xfrm>
            <a:off x="19050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buClr>
                <a:srgbClr val="33CC33"/>
              </a:buClr>
              <a:buFont typeface="Wingdings" pitchFamily="2" charset="2"/>
              <a:buChar char="§"/>
              <a:defRPr sz="1400"/>
            </a:lvl1pPr>
            <a:lvl2pPr>
              <a:buClr>
                <a:srgbClr val="33CC33"/>
              </a:buClr>
              <a:buFont typeface="Wingdings" pitchFamily="2" charset="2"/>
              <a:buChar char="§"/>
              <a:defRPr sz="1400"/>
            </a:lvl2pPr>
            <a:lvl3pPr>
              <a:buClr>
                <a:srgbClr val="33CC33"/>
              </a:buClr>
              <a:buFont typeface="Wingdings" pitchFamily="2" charset="2"/>
              <a:buChar char="§"/>
              <a:defRPr sz="1400"/>
            </a:lvl3pPr>
            <a:lvl4pPr>
              <a:buClr>
                <a:srgbClr val="33CC33"/>
              </a:buClr>
              <a:buFont typeface="Wingdings" pitchFamily="2" charset="2"/>
              <a:buChar char="§"/>
              <a:defRPr sz="1400"/>
            </a:lvl4pPr>
            <a:lvl5pPr>
              <a:buClr>
                <a:srgbClr val="33CC33"/>
              </a:buClr>
              <a:buFont typeface="Wingdings" pitchFamily="2" charset="2"/>
              <a:buChar char="§"/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pic>
        <p:nvPicPr>
          <p:cNvPr id="2052" name="Picture 4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836135" y="6541464"/>
            <a:ext cx="1079265" cy="11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37074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13392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6715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825625"/>
            <a:ext cx="386715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07570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27259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332652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117948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36573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482101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18146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5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97B09F-02A6-420A-9F85-5EA202FC0C0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0745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716" r:id="rId11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notesSlide" Target="../notesSlides/notesSlide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slideLayout" Target="../slideLayouts/slideLayout1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7" Type="http://schemas.openxmlformats.org/officeDocument/2006/relationships/image" Target="../media/image12.png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tiff"/><Relationship Id="rId3" Type="http://schemas.openxmlformats.org/officeDocument/2006/relationships/image" Target="../media/image14.tiff"/><Relationship Id="rId7" Type="http://schemas.openxmlformats.org/officeDocument/2006/relationships/image" Target="../media/image18.tiff"/><Relationship Id="rId12" Type="http://schemas.openxmlformats.org/officeDocument/2006/relationships/image" Target="../media/image23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tiff"/><Relationship Id="rId11" Type="http://schemas.openxmlformats.org/officeDocument/2006/relationships/image" Target="../media/image22.tiff"/><Relationship Id="rId5" Type="http://schemas.openxmlformats.org/officeDocument/2006/relationships/image" Target="../media/image16.tiff"/><Relationship Id="rId10" Type="http://schemas.openxmlformats.org/officeDocument/2006/relationships/image" Target="../media/image21.tiff"/><Relationship Id="rId4" Type="http://schemas.openxmlformats.org/officeDocument/2006/relationships/image" Target="../media/image15.tiff"/><Relationship Id="rId9" Type="http://schemas.openxmlformats.org/officeDocument/2006/relationships/image" Target="../media/image20.tiff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11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tiff"/><Relationship Id="rId1" Type="http://schemas.openxmlformats.org/officeDocument/2006/relationships/slideLayout" Target="../slideLayouts/slideLayout11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tiff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457200" y="457200"/>
            <a:ext cx="22098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007434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GENDA</a:t>
            </a:r>
            <a:endParaRPr lang="en-US" sz="2400" b="1" dirty="0">
              <a:solidFill>
                <a:srgbClr val="007434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09600" y="1905000"/>
            <a:ext cx="8153400" cy="38318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ASEAN </a:t>
            </a: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eBanking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marke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What we have &amp;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Benchmarking</a:t>
            </a: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Viet Nam </a:t>
            </a:r>
            <a:r>
              <a:rPr lang="en-US" b="1" dirty="0" err="1" smtClean="0">
                <a:solidFill>
                  <a:schemeClr val="bg2">
                    <a:lumMod val="25000"/>
                  </a:schemeClr>
                </a:solidFill>
              </a:rPr>
              <a:t>eBanking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 marke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Some food for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though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IT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Proposal</a:t>
            </a: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Digital Technology: Seven strategic areas to consider</a:t>
            </a:r>
          </a:p>
          <a:p>
            <a:pPr>
              <a:lnSpc>
                <a:spcPct val="150000"/>
              </a:lnSpc>
            </a:pPr>
            <a:endParaRPr lang="en-US" b="1" dirty="0">
              <a:solidFill>
                <a:schemeClr val="bg2">
                  <a:lumMod val="25000"/>
                </a:schemeClr>
              </a:solidFill>
            </a:endParaRP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Appendix</a:t>
            </a:r>
          </a:p>
          <a:p>
            <a:pPr>
              <a:lnSpc>
                <a:spcPct val="150000"/>
              </a:lnSpc>
            </a:pPr>
            <a:endParaRPr lang="en-US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457200" y="1981200"/>
            <a:ext cx="7620000" cy="419100"/>
          </a:xfrm>
          <a:prstGeom prst="rect">
            <a:avLst/>
          </a:prstGeom>
          <a:noFill/>
          <a:ln>
            <a:solidFill>
              <a:schemeClr val="accent6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66922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IT Proposal. Roadmap</a:t>
            </a:r>
            <a:r>
              <a:rPr lang="en-GB" sz="2200" dirty="0" smtClean="0">
                <a:solidFill>
                  <a:srgbClr val="007434"/>
                </a:solidFill>
              </a:rPr>
              <a:t> – Project Scope – Phase 2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6" name="Slide Number Placeholder 1"/>
          <p:cNvSpPr txBox="1">
            <a:spLocks/>
          </p:cNvSpPr>
          <p:nvPr/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vert="horz" lIns="36000" tIns="0" rIns="3600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b="0" kern="1200">
                <a:solidFill>
                  <a:srgbClr val="00003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0</a:t>
            </a:fld>
            <a:endParaRPr lang="en-US" dirty="0"/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8027345"/>
              </p:ext>
            </p:extLst>
          </p:nvPr>
        </p:nvGraphicFramePr>
        <p:xfrm>
          <a:off x="152400" y="838200"/>
          <a:ext cx="8839200" cy="5486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9543540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IT Proposal. Phase 2 – Key features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6" name="Slide Number Placeholder 1"/>
          <p:cNvSpPr txBox="1">
            <a:spLocks/>
          </p:cNvSpPr>
          <p:nvPr/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vert="horz" lIns="36000" tIns="0" rIns="3600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b="0" kern="1200">
                <a:solidFill>
                  <a:srgbClr val="00003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1</a:t>
            </a:fld>
            <a:endParaRPr lang="en-US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7131957"/>
              </p:ext>
            </p:extLst>
          </p:nvPr>
        </p:nvGraphicFramePr>
        <p:xfrm>
          <a:off x="1038225" y="1524000"/>
          <a:ext cx="7067549" cy="3127058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2326585"/>
                <a:gridCol w="2474015"/>
                <a:gridCol w="2266949"/>
              </a:tblGrid>
              <a:tr h="584246">
                <a:tc>
                  <a:txBody>
                    <a:bodyPr/>
                    <a:lstStyle/>
                    <a:p>
                      <a:pPr algn="ctr" fontAlgn="ctr"/>
                      <a:r>
                        <a:rPr lang="hr-HR" sz="1800" u="none" strike="noStrike" dirty="0" smtClean="0">
                          <a:effectLst/>
                        </a:rPr>
                        <a:t>Marketing</a:t>
                      </a:r>
                      <a:r>
                        <a:rPr lang="hr-HR" sz="1800" u="none" strike="noStrike" baseline="0" dirty="0" smtClean="0">
                          <a:effectLst/>
                        </a:rPr>
                        <a:t> &amp; Sales</a:t>
                      </a:r>
                      <a:endParaRPr lang="hr-HR" sz="1800" b="1" i="0" u="none" strike="noStrike" dirty="0">
                        <a:solidFill>
                          <a:srgbClr val="FFFFFF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 smtClean="0">
                          <a:effectLst/>
                        </a:rPr>
                        <a:t>Customer on boarding &amp; Account Opening</a:t>
                      </a:r>
                      <a:endParaRPr lang="en-US" sz="1800" b="1" i="0" u="none" strike="noStrike" dirty="0">
                        <a:solidFill>
                          <a:srgbClr val="FFFFFF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n-US" sz="1800" u="none" strike="noStrike" kern="1200" dirty="0" smtClean="0">
                          <a:effectLst/>
                        </a:rPr>
                        <a:t>Services</a:t>
                      </a:r>
                      <a:endParaRPr lang="en-US" sz="1800" b="1" i="0" u="none" strike="noStrike" kern="1200" dirty="0">
                        <a:solidFill>
                          <a:srgbClr val="FFFFFF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276996">
                <a:tc gridSpan="3"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spc="-6" dirty="0" smtClean="0">
                          <a:solidFill>
                            <a:schemeClr val="tx1"/>
                          </a:solidFill>
                          <a:latin typeface="Calibri" panose="020F0502020204030204" pitchFamily="34" charset="0"/>
                        </a:rPr>
                        <a:t>Hand-over (2 months)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6996">
                <a:tc gridSpan="3"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i="0" u="none" strike="noStrike" kern="120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hase</a:t>
                      </a:r>
                      <a:r>
                        <a:rPr lang="en-US" sz="1600" b="1" i="0" u="none" strike="noStrike" kern="1200" baseline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2</a:t>
                      </a:r>
                      <a:r>
                        <a:rPr lang="en-US" sz="1600" b="1" spc="-6" dirty="0" smtClean="0">
                          <a:solidFill>
                            <a:schemeClr val="tx1"/>
                          </a:solidFill>
                          <a:latin typeface="Calibri" panose="020F0502020204030204" pitchFamily="34" charset="0"/>
                        </a:rPr>
                        <a:t>(X ~ MM.DD.YY + Q1)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699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ustomer Education</a:t>
                      </a:r>
                    </a:p>
                    <a:p>
                      <a:pPr algn="ctr" fontAlgn="ctr"/>
                      <a:r>
                        <a:rPr lang="en-US" sz="16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App</a:t>
                      </a:r>
                      <a:r>
                        <a:rPr lang="en-US" sz="1600" b="0" i="0" u="none" strike="noStrike" baseline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rating/review)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kern="1200" dirty="0" smtClean="0">
                          <a:solidFill>
                            <a:srgbClr val="FF0000"/>
                          </a:solidFill>
                          <a:effectLst/>
                        </a:rPr>
                        <a:t>Card Services Integration </a:t>
                      </a:r>
                    </a:p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kern="1200" dirty="0" smtClean="0">
                          <a:solidFill>
                            <a:srgbClr val="FF0000"/>
                          </a:solidFill>
                          <a:effectLst/>
                        </a:rPr>
                        <a:t>(Part</a:t>
                      </a:r>
                      <a:r>
                        <a:rPr lang="en-US" sz="1600" u="none" strike="noStrike" kern="1200" baseline="0" dirty="0" smtClean="0">
                          <a:solidFill>
                            <a:srgbClr val="FF0000"/>
                          </a:solidFill>
                          <a:effectLst/>
                        </a:rPr>
                        <a:t> 1)</a:t>
                      </a:r>
                      <a:endParaRPr lang="en-US" sz="1600" b="0" i="0" u="none" strike="noStrike" dirty="0">
                        <a:solidFill>
                          <a:srgbClr val="FF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kern="1200" dirty="0" smtClean="0">
                          <a:solidFill>
                            <a:srgbClr val="FF0000"/>
                          </a:solidFill>
                          <a:effectLst/>
                        </a:rPr>
                        <a:t>Card Online Transaction</a:t>
                      </a:r>
                      <a:r>
                        <a:rPr lang="en-US" sz="1600" u="none" strike="noStrike" kern="1200" baseline="0" dirty="0" smtClean="0">
                          <a:solidFill>
                            <a:srgbClr val="FF0000"/>
                          </a:solidFill>
                          <a:effectLst/>
                        </a:rPr>
                        <a:t> Processing</a:t>
                      </a:r>
                    </a:p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kern="1200" baseline="0" dirty="0" smtClean="0">
                          <a:solidFill>
                            <a:srgbClr val="FF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 Top-up</a:t>
                      </a:r>
                      <a:endParaRPr lang="en-US" sz="1600" b="0" i="0" u="none" strike="noStrike" kern="1200" dirty="0">
                        <a:solidFill>
                          <a:srgbClr val="FF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Geolocation/Activities</a:t>
                      </a:r>
                      <a:r>
                        <a:rPr lang="en-US" sz="1600" b="0" i="0" u="none" strike="noStrike" baseline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Tracking</a:t>
                      </a:r>
                      <a:endParaRPr lang="en-US" sz="1600" b="0" i="0" u="none" strike="noStrike" dirty="0" smtClean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u="none" strike="noStrike" dirty="0" smtClean="0">
                          <a:solidFill>
                            <a:schemeClr val="tx1"/>
                          </a:solidFill>
                          <a:effectLst/>
                        </a:rPr>
                        <a:t>Request Status Check (Loan/Payment/Service</a:t>
                      </a:r>
                      <a:r>
                        <a:rPr lang="en-US" sz="1600" b="0" u="none" strike="noStrike" baseline="0" dirty="0" smtClean="0">
                          <a:solidFill>
                            <a:schemeClr val="tx1"/>
                          </a:solidFill>
                          <a:effectLst/>
                        </a:rPr>
                        <a:t> </a:t>
                      </a:r>
                      <a:r>
                        <a:rPr lang="en-US" sz="1600" b="0" u="none" strike="noStrike" dirty="0" smtClean="0">
                          <a:solidFill>
                            <a:schemeClr val="tx1"/>
                          </a:solidFill>
                          <a:effectLst/>
                        </a:rPr>
                        <a:t>Request)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kern="1200" dirty="0" smtClean="0">
                          <a:solidFill>
                            <a:srgbClr val="FF0000"/>
                          </a:solidFill>
                          <a:effectLst/>
                        </a:rPr>
                        <a:t>Loan/Credit Card Payment</a:t>
                      </a:r>
                      <a:endParaRPr lang="en-US" sz="1600" b="0" i="0" u="none" strike="noStrike" kern="1200" dirty="0" smtClean="0">
                        <a:solidFill>
                          <a:srgbClr val="FF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355600">
                <a:tc>
                  <a:txBody>
                    <a:bodyPr/>
                    <a:lstStyle/>
                    <a:p>
                      <a:pPr algn="ctr"/>
                      <a:r>
                        <a:rPr lang="en-US" sz="1600" b="0" i="0" dirty="0" smtClean="0">
                          <a:solidFill>
                            <a:schemeClr val="tx1"/>
                          </a:solidFill>
                        </a:rPr>
                        <a:t>Member</a:t>
                      </a:r>
                      <a:r>
                        <a:rPr lang="en-US" sz="1600" b="0" i="0" baseline="0" dirty="0" smtClean="0">
                          <a:solidFill>
                            <a:schemeClr val="tx1"/>
                          </a:solidFill>
                        </a:rPr>
                        <a:t> get Member</a:t>
                      </a:r>
                    </a:p>
                    <a:p>
                      <a:pPr algn="ctr"/>
                      <a:r>
                        <a:rPr lang="en-US" sz="1600" b="0" i="0" baseline="0" dirty="0" smtClean="0">
                          <a:solidFill>
                            <a:schemeClr val="tx1"/>
                          </a:solidFill>
                        </a:rPr>
                        <a:t>(Offer &amp; Reward)</a:t>
                      </a:r>
                      <a:endParaRPr lang="en-US" sz="1600" b="0" i="0" dirty="0">
                        <a:solidFill>
                          <a:schemeClr val="tx1"/>
                        </a:solidFill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 smtClean="0">
                          <a:solidFill>
                            <a:schemeClr val="accent1"/>
                          </a:solidFill>
                          <a:effectLst/>
                        </a:rPr>
                        <a:t>Trusting</a:t>
                      </a:r>
                      <a:r>
                        <a:rPr lang="en-US" sz="1600" b="0" i="0" u="none" strike="noStrike" baseline="0" dirty="0" smtClean="0">
                          <a:solidFill>
                            <a:schemeClr val="accent1"/>
                          </a:solidFill>
                          <a:effectLst/>
                        </a:rPr>
                        <a:t> Socials</a:t>
                      </a:r>
                      <a:endParaRPr lang="en-US" sz="1600" b="0" i="0" u="none" strike="noStrike" dirty="0">
                        <a:solidFill>
                          <a:schemeClr val="accent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n-US" sz="1600" b="0" i="0" u="none" strike="noStrike" kern="1200" dirty="0" smtClean="0">
                          <a:solidFill>
                            <a:srgbClr val="FF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PIN/OTP Authentication</a:t>
                      </a:r>
                      <a:endParaRPr lang="en-US" sz="1600" b="0" i="0" u="none" strike="noStrike" kern="1200" dirty="0">
                        <a:solidFill>
                          <a:srgbClr val="FF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  <p:sp>
        <p:nvSpPr>
          <p:cNvPr id="4" name="Rectangle 3"/>
          <p:cNvSpPr/>
          <p:nvPr/>
        </p:nvSpPr>
        <p:spPr>
          <a:xfrm>
            <a:off x="1003589" y="4724400"/>
            <a:ext cx="2829557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i="1" dirty="0" smtClean="0">
                <a:solidFill>
                  <a:srgbClr val="FF0000"/>
                </a:solidFill>
              </a:rPr>
              <a:t>Red: Replaced/new features</a:t>
            </a:r>
          </a:p>
          <a:p>
            <a:r>
              <a:rPr lang="en-US" i="1" dirty="0" smtClean="0">
                <a:solidFill>
                  <a:schemeClr val="accent1"/>
                </a:solidFill>
              </a:rPr>
              <a:t>Blue: Quick win</a:t>
            </a:r>
            <a:endParaRPr lang="en-US" i="1" dirty="0"/>
          </a:p>
        </p:txBody>
      </p:sp>
    </p:spTree>
    <p:extLst>
      <p:ext uri="{BB962C8B-B14F-4D97-AF65-F5344CB8AC3E}">
        <p14:creationId xmlns:p14="http://schemas.microsoft.com/office/powerpoint/2010/main" val="1021219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IT Proposal. Roadmap</a:t>
            </a:r>
            <a:r>
              <a:rPr lang="en-GB" sz="2200" dirty="0" smtClean="0">
                <a:solidFill>
                  <a:srgbClr val="007434"/>
                </a:solidFill>
              </a:rPr>
              <a:t> – Project Scope – Phase 3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6" name="Slide Number Placeholder 1"/>
          <p:cNvSpPr txBox="1">
            <a:spLocks/>
          </p:cNvSpPr>
          <p:nvPr/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vert="horz" lIns="36000" tIns="0" rIns="3600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b="0" kern="1200">
                <a:solidFill>
                  <a:srgbClr val="00003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2</a:t>
            </a:fld>
            <a:endParaRPr lang="en-US" dirty="0"/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893479493"/>
              </p:ext>
            </p:extLst>
          </p:nvPr>
        </p:nvGraphicFramePr>
        <p:xfrm>
          <a:off x="152400" y="838200"/>
          <a:ext cx="8839200" cy="5486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0956347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IT Proposal. Roadmap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6" name="Slide Number Placeholder 1"/>
          <p:cNvSpPr txBox="1">
            <a:spLocks/>
          </p:cNvSpPr>
          <p:nvPr/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vert="horz" lIns="36000" tIns="0" rIns="3600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b="0" kern="1200">
                <a:solidFill>
                  <a:srgbClr val="00003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3</a:t>
            </a:fld>
            <a:endParaRPr lang="en-US" dirty="0"/>
          </a:p>
        </p:txBody>
      </p:sp>
      <p:cxnSp>
        <p:nvCxnSpPr>
          <p:cNvPr id="62" name="OTLSHAPE_M_00bd5aee09774d558b0e6c6c65d38384_Connector1"/>
          <p:cNvCxnSpPr/>
          <p:nvPr>
            <p:custDataLst>
              <p:tags r:id="rId1"/>
            </p:custDataLst>
          </p:nvPr>
        </p:nvCxnSpPr>
        <p:spPr>
          <a:xfrm>
            <a:off x="8216985" y="2520569"/>
            <a:ext cx="0" cy="52743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27bd3f6bb47143bab346ad794a233dc5_Connector1"/>
          <p:cNvCxnSpPr/>
          <p:nvPr>
            <p:custDataLst>
              <p:tags r:id="rId2"/>
            </p:custDataLst>
          </p:nvPr>
        </p:nvCxnSpPr>
        <p:spPr>
          <a:xfrm>
            <a:off x="6990924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cb6febf9b22f47d0a0d780365f5a3653_Connector1"/>
          <p:cNvCxnSpPr/>
          <p:nvPr>
            <p:custDataLst>
              <p:tags r:id="rId3"/>
            </p:custDataLst>
          </p:nvPr>
        </p:nvCxnSpPr>
        <p:spPr>
          <a:xfrm>
            <a:off x="580441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8edc59bb1e464c85a663d663d9a86440_Connector1"/>
          <p:cNvCxnSpPr/>
          <p:nvPr>
            <p:custDataLst>
              <p:tags r:id="rId4"/>
            </p:custDataLst>
          </p:nvPr>
        </p:nvCxnSpPr>
        <p:spPr>
          <a:xfrm>
            <a:off x="4578350" y="2153285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364574" y="31000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1543994" y="3136900"/>
            <a:ext cx="1230866" cy="19462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Hand-over(2 months)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338548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4572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4"/>
          <p:cNvCxnSpPr/>
          <p:nvPr>
            <p:custDataLst>
              <p:tags r:id="rId11"/>
            </p:custDataLst>
          </p:nvPr>
        </p:nvCxnSpPr>
        <p:spPr>
          <a:xfrm>
            <a:off x="579806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698457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8edc59bb1e464c85a663d663d9a86440_Title"/>
          <p:cNvSpPr txBox="1"/>
          <p:nvPr>
            <p:custDataLst>
              <p:tags r:id="rId13"/>
            </p:custDataLst>
          </p:nvPr>
        </p:nvSpPr>
        <p:spPr>
          <a:xfrm>
            <a:off x="4800600" y="2041313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oan/Credit Card Pa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8edc59bb1e464c85a663d663d9a86440_Shape"/>
          <p:cNvSpPr/>
          <p:nvPr>
            <p:custDataLst>
              <p:tags r:id="rId14"/>
            </p:custDataLst>
          </p:nvPr>
        </p:nvSpPr>
        <p:spPr>
          <a:xfrm rot="16200000">
            <a:off x="4603750" y="21532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cb6febf9b22f47d0a0d780365f5a3653_Title"/>
          <p:cNvSpPr txBox="1"/>
          <p:nvPr>
            <p:custDataLst>
              <p:tags r:id="rId15"/>
            </p:custDataLst>
          </p:nvPr>
        </p:nvSpPr>
        <p:spPr>
          <a:xfrm>
            <a:off x="6026662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Bill Payment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M_cb6febf9b22f47d0a0d780365f5a3653_Shape"/>
          <p:cNvSpPr/>
          <p:nvPr>
            <p:custDataLst>
              <p:tags r:id="rId16"/>
            </p:custDataLst>
          </p:nvPr>
        </p:nvSpPr>
        <p:spPr>
          <a:xfrm rot="16200000">
            <a:off x="5829812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27bd3f6bb47143bab346ad794a233dc5_Title"/>
          <p:cNvSpPr txBox="1"/>
          <p:nvPr>
            <p:custDataLst>
              <p:tags r:id="rId17"/>
            </p:custDataLst>
          </p:nvPr>
        </p:nvSpPr>
        <p:spPr>
          <a:xfrm>
            <a:off x="7213173" y="2323338"/>
            <a:ext cx="9642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8" dirty="0" smtClean="0">
                <a:solidFill>
                  <a:schemeClr val="dk1"/>
                </a:solidFill>
                <a:latin typeface="Calibri" panose="020F0502020204030204" pitchFamily="34" charset="0"/>
              </a:rPr>
              <a:t>Money Transfer</a:t>
            </a:r>
            <a:endParaRPr lang="en-US" sz="1100" b="1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27bd3f6bb47143bab346ad794a233dc5_Shape"/>
          <p:cNvSpPr/>
          <p:nvPr>
            <p:custDataLst>
              <p:tags r:id="rId18"/>
            </p:custDataLst>
          </p:nvPr>
        </p:nvSpPr>
        <p:spPr>
          <a:xfrm rot="16200000">
            <a:off x="7016324" y="25205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M_00bd5aee09774d558b0e6c6c65d38384_Shape"/>
          <p:cNvSpPr/>
          <p:nvPr>
            <p:custDataLst>
              <p:tags r:id="rId19"/>
            </p:custDataLst>
          </p:nvPr>
        </p:nvSpPr>
        <p:spPr>
          <a:xfrm rot="16200000">
            <a:off x="8242385" y="252056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T_3e6ec6310e904fc0b1861d7cf1d5a7af_Shape"/>
          <p:cNvSpPr/>
          <p:nvPr>
            <p:custDataLst>
              <p:tags r:id="rId20"/>
            </p:custDataLst>
          </p:nvPr>
        </p:nvSpPr>
        <p:spPr>
          <a:xfrm>
            <a:off x="3389014" y="3595030"/>
            <a:ext cx="1182986" cy="214969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T_3e6ec6310e904fc0b1861d7cf1d5a7af_JoinedDate"/>
          <p:cNvSpPr txBox="1"/>
          <p:nvPr>
            <p:custDataLst>
              <p:tags r:id="rId21"/>
            </p:custDataLst>
          </p:nvPr>
        </p:nvSpPr>
        <p:spPr>
          <a:xfrm>
            <a:off x="4584700" y="3614819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(X – MM.DD.YY + Q1)</a:t>
            </a:r>
            <a:endParaRPr lang="en-US" sz="1000" b="1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3e6ec6310e904fc0b1861d7cf1d5a7af_Title"/>
          <p:cNvSpPr txBox="1"/>
          <p:nvPr>
            <p:custDataLst>
              <p:tags r:id="rId22"/>
            </p:custDataLst>
          </p:nvPr>
        </p:nvSpPr>
        <p:spPr>
          <a:xfrm>
            <a:off x="1219200" y="3595031"/>
            <a:ext cx="335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Card online transaction processing (NAPAS, </a:t>
            </a:r>
            <a:r>
              <a:rPr lang="en-US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Sacombank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...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1e1980a4ade848348401e9684000565c_Shape"/>
          <p:cNvSpPr/>
          <p:nvPr>
            <p:custDataLst>
              <p:tags r:id="rId23"/>
            </p:custDataLst>
          </p:nvPr>
        </p:nvSpPr>
        <p:spPr>
          <a:xfrm>
            <a:off x="3385487" y="3926924"/>
            <a:ext cx="1186513" cy="190668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1e1980a4ade848348401e9684000565c_Title"/>
          <p:cNvSpPr txBox="1"/>
          <p:nvPr>
            <p:custDataLst>
              <p:tags r:id="rId24"/>
            </p:custDataLst>
          </p:nvPr>
        </p:nvSpPr>
        <p:spPr>
          <a:xfrm>
            <a:off x="2463800" y="3936618"/>
            <a:ext cx="210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Loan disbursement - Cash on mobile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682f36ae37af4f0f9d8f7bc52f28e9f0_Shape"/>
          <p:cNvSpPr/>
          <p:nvPr>
            <p:custDataLst>
              <p:tags r:id="rId25"/>
            </p:custDataLst>
          </p:nvPr>
        </p:nvSpPr>
        <p:spPr>
          <a:xfrm>
            <a:off x="4571999" y="4151793"/>
            <a:ext cx="1232327" cy="21700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682f36ae37af4f0f9d8f7bc52f28e9f0_Title"/>
          <p:cNvSpPr txBox="1"/>
          <p:nvPr>
            <p:custDataLst>
              <p:tags r:id="rId26"/>
            </p:custDataLst>
          </p:nvPr>
        </p:nvSpPr>
        <p:spPr>
          <a:xfrm>
            <a:off x="2133600" y="4171484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ooperation with bill payment service provider (</a:t>
            </a:r>
            <a:r>
              <a:rPr lang="en-US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yoo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, VNPAY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b8c68bce68694258ad56bb94fff8ea40_Shape"/>
          <p:cNvSpPr/>
          <p:nvPr>
            <p:custDataLst>
              <p:tags r:id="rId27"/>
            </p:custDataLst>
          </p:nvPr>
        </p:nvSpPr>
        <p:spPr>
          <a:xfrm>
            <a:off x="4571999" y="4413456"/>
            <a:ext cx="2420290" cy="222044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b8c68bce68694258ad56bb94fff8ea40_Title"/>
          <p:cNvSpPr txBox="1"/>
          <p:nvPr>
            <p:custDataLst>
              <p:tags r:id="rId28"/>
            </p:custDataLst>
          </p:nvPr>
        </p:nvSpPr>
        <p:spPr>
          <a:xfrm>
            <a:off x="2590373" y="4419600"/>
            <a:ext cx="439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Cooperation with partners in money transfer (MOMO, </a:t>
            </a:r>
            <a:r>
              <a:rPr lang="en-US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Sacombank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, VIMO...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98cfec21490341059135789ce5660e08_Shape"/>
          <p:cNvSpPr/>
          <p:nvPr>
            <p:custDataLst>
              <p:tags r:id="rId29"/>
            </p:custDataLst>
          </p:nvPr>
        </p:nvSpPr>
        <p:spPr>
          <a:xfrm>
            <a:off x="5829811" y="4722299"/>
            <a:ext cx="2381677" cy="233326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_98cfec21490341059135789ce5660e08_Title"/>
          <p:cNvSpPr txBox="1"/>
          <p:nvPr>
            <p:custDataLst>
              <p:tags r:id="rId30"/>
            </p:custDataLst>
          </p:nvPr>
        </p:nvSpPr>
        <p:spPr>
          <a:xfrm>
            <a:off x="6337300" y="4744063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Research on beacon technology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27bd3f6bb47143bab346ad794a233dc5_Title"/>
          <p:cNvSpPr txBox="1"/>
          <p:nvPr>
            <p:custDataLst>
              <p:tags r:id="rId31"/>
            </p:custDataLst>
          </p:nvPr>
        </p:nvSpPr>
        <p:spPr>
          <a:xfrm>
            <a:off x="8390050" y="2339809"/>
            <a:ext cx="9642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8" dirty="0" smtClean="0">
                <a:solidFill>
                  <a:schemeClr val="dk1"/>
                </a:solidFill>
                <a:latin typeface="Calibri" panose="020F0502020204030204" pitchFamily="34" charset="0"/>
              </a:rPr>
              <a:t>Beacon</a:t>
            </a:r>
            <a:endParaRPr lang="en-US" sz="1100" b="1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3e6ec6310e904fc0b1861d7cf1d5a7af_JoinedDate"/>
          <p:cNvSpPr txBox="1"/>
          <p:nvPr>
            <p:custDataLst>
              <p:tags r:id="rId32"/>
            </p:custDataLst>
          </p:nvPr>
        </p:nvSpPr>
        <p:spPr>
          <a:xfrm>
            <a:off x="4603750" y="3926924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(X – MM.DD.YY + Q1)</a:t>
            </a:r>
            <a:endParaRPr lang="en-US" sz="1000" b="1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3e6ec6310e904fc0b1861d7cf1d5a7af_JoinedDate"/>
          <p:cNvSpPr txBox="1"/>
          <p:nvPr>
            <p:custDataLst>
              <p:tags r:id="rId33"/>
            </p:custDataLst>
          </p:nvPr>
        </p:nvSpPr>
        <p:spPr>
          <a:xfrm>
            <a:off x="5820361" y="4172769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(X – MM.DD.YY + Q2)</a:t>
            </a:r>
            <a:endParaRPr lang="en-US" sz="1000" b="1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3e6ec6310e904fc0b1861d7cf1d5a7af_JoinedDate"/>
          <p:cNvSpPr txBox="1"/>
          <p:nvPr>
            <p:custDataLst>
              <p:tags r:id="rId34"/>
            </p:custDataLst>
          </p:nvPr>
        </p:nvSpPr>
        <p:spPr>
          <a:xfrm>
            <a:off x="7047136" y="4415910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(X – MM.DD.YY + Q2)</a:t>
            </a:r>
            <a:endParaRPr lang="en-US" sz="1000" b="1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3e6ec6310e904fc0b1861d7cf1d5a7af_JoinedDate"/>
          <p:cNvSpPr txBox="1"/>
          <p:nvPr>
            <p:custDataLst>
              <p:tags r:id="rId35"/>
            </p:custDataLst>
          </p:nvPr>
        </p:nvSpPr>
        <p:spPr>
          <a:xfrm>
            <a:off x="8242385" y="4725138"/>
            <a:ext cx="1130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(X – MM.DD.YY + </a:t>
            </a:r>
          </a:p>
          <a:p>
            <a:r>
              <a:rPr lang="en-US" sz="1000" b="1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Q2)</a:t>
            </a:r>
            <a:endParaRPr lang="en-US" sz="1000" b="1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834787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 smtClean="0"/>
              <a:t>Page </a:t>
            </a:r>
            <a:fld id="{FCE9E358-1F0E-44B0-880A-051EF8ECC4E3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Digital Banking Enterprise Roadmap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295400"/>
            <a:ext cx="9144000" cy="4261629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152400" y="5403140"/>
            <a:ext cx="2209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 smtClean="0"/>
              <a:t>Source: Cognizant</a:t>
            </a:r>
            <a:endParaRPr lang="en-US" sz="1400" i="1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7000" y="5029200"/>
            <a:ext cx="241300" cy="2413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9143" y="2667000"/>
            <a:ext cx="241300" cy="2413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3964" y="3544212"/>
            <a:ext cx="241300" cy="2413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586" y="2619936"/>
            <a:ext cx="241300" cy="24130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1478" y="3111500"/>
            <a:ext cx="241300" cy="2413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586" y="3644900"/>
            <a:ext cx="241300" cy="24130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0" y="5029200"/>
            <a:ext cx="241300" cy="241300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6100" y="5105400"/>
            <a:ext cx="241300" cy="24130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09793" y="3105606"/>
            <a:ext cx="241300" cy="241300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9379" y="2619936"/>
            <a:ext cx="241300" cy="241300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37972" y="3184914"/>
            <a:ext cx="241300" cy="241300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9379" y="3664862"/>
            <a:ext cx="241300" cy="241300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9621" y="5513323"/>
            <a:ext cx="241300" cy="241300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4469042" y="5471222"/>
            <a:ext cx="2209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 smtClean="0"/>
              <a:t>We have it</a:t>
            </a:r>
            <a:endParaRPr lang="en-US" sz="1400" i="1" dirty="0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1383" y="5844157"/>
            <a:ext cx="241300" cy="241300"/>
          </a:xfrm>
          <a:prstGeom prst="rect">
            <a:avLst/>
          </a:prstGeom>
        </p:spPr>
      </p:pic>
      <p:sp>
        <p:nvSpPr>
          <p:cNvPr id="25" name="TextBox 24"/>
          <p:cNvSpPr txBox="1"/>
          <p:nvPr/>
        </p:nvSpPr>
        <p:spPr>
          <a:xfrm>
            <a:off x="4475388" y="5798571"/>
            <a:ext cx="2209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 smtClean="0"/>
              <a:t>In-progress</a:t>
            </a:r>
            <a:endParaRPr lang="en-US" sz="1400" i="1" dirty="0"/>
          </a:p>
        </p:txBody>
      </p:sp>
      <p:pic>
        <p:nvPicPr>
          <p:cNvPr id="26" name="Picture 2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9156" y="6210696"/>
            <a:ext cx="241300" cy="241300"/>
          </a:xfrm>
          <a:prstGeom prst="rect">
            <a:avLst/>
          </a:prstGeom>
        </p:spPr>
      </p:pic>
      <p:sp>
        <p:nvSpPr>
          <p:cNvPr id="27" name="TextBox 26"/>
          <p:cNvSpPr txBox="1"/>
          <p:nvPr/>
        </p:nvSpPr>
        <p:spPr>
          <a:xfrm>
            <a:off x="4464923" y="6153360"/>
            <a:ext cx="2209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 smtClean="0"/>
              <a:t>We need to develop it</a:t>
            </a:r>
            <a:endParaRPr lang="en-US" sz="1400" i="1" dirty="0"/>
          </a:p>
        </p:txBody>
      </p:sp>
    </p:spTree>
    <p:extLst>
      <p:ext uri="{BB962C8B-B14F-4D97-AF65-F5344CB8AC3E}">
        <p14:creationId xmlns:p14="http://schemas.microsoft.com/office/powerpoint/2010/main" val="16059873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6" name="Slide Number Placeholder 1"/>
          <p:cNvSpPr txBox="1">
            <a:spLocks/>
          </p:cNvSpPr>
          <p:nvPr/>
        </p:nvSpPr>
        <p:spPr>
          <a:xfrm>
            <a:off x="4114800" y="6641976"/>
            <a:ext cx="504057" cy="216024"/>
          </a:xfrm>
          <a:prstGeom prst="rect">
            <a:avLst/>
          </a:prstGeom>
        </p:spPr>
        <p:txBody>
          <a:bodyPr vert="horz" lIns="36000" tIns="0" rIns="3600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b="0" kern="1200">
                <a:solidFill>
                  <a:srgbClr val="00003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7" name="Picture 56" descr="http://kristenstieffel.com/wp-content/uploads/2013/03/Fotolia_37487220_XS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9400" y="4953000"/>
            <a:ext cx="2438400" cy="1496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54709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 smtClean="0"/>
              <a:t>Page </a:t>
            </a:r>
            <a:fld id="{FCE9E358-1F0E-44B0-880A-051EF8ECC4E3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609600" y="2895600"/>
            <a:ext cx="7886700" cy="396875"/>
          </a:xfrm>
        </p:spPr>
        <p:txBody>
          <a:bodyPr>
            <a:noAutofit/>
          </a:bodyPr>
          <a:lstStyle/>
          <a:p>
            <a:pPr algn="ctr"/>
            <a:r>
              <a:rPr lang="en-US" sz="4000" dirty="0" smtClean="0"/>
              <a:t>Appendix</a:t>
            </a:r>
            <a:endParaRPr lang="en-GB" sz="4000" dirty="0"/>
          </a:p>
        </p:txBody>
      </p:sp>
    </p:spTree>
    <p:extLst>
      <p:ext uri="{BB962C8B-B14F-4D97-AF65-F5344CB8AC3E}">
        <p14:creationId xmlns:p14="http://schemas.microsoft.com/office/powerpoint/2010/main" val="2137939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7886700" cy="457200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rgbClr val="007434"/>
                </a:solidFill>
              </a:rPr>
              <a:t>Roadmap. Planned features #1</a:t>
            </a:r>
            <a:endParaRPr lang="en-GB" dirty="0">
              <a:solidFill>
                <a:srgbClr val="007434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441467110"/>
              </p:ext>
            </p:extLst>
          </p:nvPr>
        </p:nvGraphicFramePr>
        <p:xfrm>
          <a:off x="1524000" y="838200"/>
          <a:ext cx="6096000" cy="5486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9" name="Group 8"/>
          <p:cNvGrpSpPr/>
          <p:nvPr/>
        </p:nvGrpSpPr>
        <p:grpSpPr>
          <a:xfrm>
            <a:off x="1806524" y="2209800"/>
            <a:ext cx="2765476" cy="509203"/>
            <a:chOff x="208182" y="1123674"/>
            <a:chExt cx="2765476" cy="509203"/>
          </a:xfrm>
        </p:grpSpPr>
        <p:sp>
          <p:nvSpPr>
            <p:cNvPr id="11" name="Rectangle 10"/>
            <p:cNvSpPr/>
            <p:nvPr/>
          </p:nvSpPr>
          <p:spPr>
            <a:xfrm>
              <a:off x="208182" y="1123674"/>
              <a:ext cx="2765476" cy="509203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2" name="Rectangle 11"/>
            <p:cNvSpPr/>
            <p:nvPr/>
          </p:nvSpPr>
          <p:spPr>
            <a:xfrm>
              <a:off x="208182" y="1123674"/>
              <a:ext cx="2765476" cy="50920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lvl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n-US" sz="1800" kern="1200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752600" y="1459468"/>
            <a:ext cx="26130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redit Card Information</a:t>
            </a:r>
            <a:endParaRPr lang="en-US" b="1" dirty="0"/>
          </a:p>
        </p:txBody>
      </p:sp>
      <p:sp>
        <p:nvSpPr>
          <p:cNvPr id="13" name="TextBox 12"/>
          <p:cNvSpPr txBox="1"/>
          <p:nvPr/>
        </p:nvSpPr>
        <p:spPr>
          <a:xfrm>
            <a:off x="4856296" y="1447800"/>
            <a:ext cx="26130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Service Request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19607032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7886700" cy="457200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rgbClr val="007434"/>
                </a:solidFill>
              </a:rPr>
              <a:t>Roadmap. Planned features #</a:t>
            </a:r>
            <a:r>
              <a:rPr lang="en-US" dirty="0" smtClean="0">
                <a:solidFill>
                  <a:srgbClr val="007434"/>
                </a:solidFill>
              </a:rPr>
              <a:t>2</a:t>
            </a:r>
            <a:endParaRPr lang="en-GB" dirty="0">
              <a:solidFill>
                <a:srgbClr val="007434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788261091"/>
              </p:ext>
            </p:extLst>
          </p:nvPr>
        </p:nvGraphicFramePr>
        <p:xfrm>
          <a:off x="1524000" y="1422400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543855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 smtClean="0"/>
              <a:t>Page </a:t>
            </a:r>
            <a:fld id="{FCE9E358-1F0E-44B0-880A-051EF8ECC4E3}" type="slidenum">
              <a:rPr lang="en-US" smtClean="0"/>
              <a:pPr/>
              <a:t>19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Digital Banking’s Multi-dimensional Attributes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" y="729677"/>
            <a:ext cx="8686800" cy="5725886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457200" y="6442211"/>
            <a:ext cx="2209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 smtClean="0"/>
              <a:t>Source: Cognizant</a:t>
            </a:r>
            <a:endParaRPr lang="en-US" sz="1400" i="1" dirty="0"/>
          </a:p>
        </p:txBody>
      </p:sp>
    </p:spTree>
    <p:extLst>
      <p:ext uri="{BB962C8B-B14F-4D97-AF65-F5344CB8AC3E}">
        <p14:creationId xmlns:p14="http://schemas.microsoft.com/office/powerpoint/2010/main" val="509770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 smtClean="0"/>
              <a:t>Page </a:t>
            </a:r>
            <a:fld id="{FCE9E358-1F0E-44B0-880A-051EF8ECC4E3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8763000" cy="396875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ASEAN </a:t>
            </a:r>
            <a:r>
              <a:rPr lang="en-US" sz="2200" dirty="0" err="1" smtClean="0">
                <a:solidFill>
                  <a:srgbClr val="007434"/>
                </a:solidFill>
              </a:rPr>
              <a:t>eBanking</a:t>
            </a:r>
            <a:r>
              <a:rPr lang="en-US" sz="2200" dirty="0" smtClean="0">
                <a:solidFill>
                  <a:srgbClr val="007434"/>
                </a:solidFill>
              </a:rPr>
              <a:t> market What do consumers really want?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57200"/>
            <a:ext cx="9144000" cy="5936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6092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0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7886700" cy="457200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FF0000"/>
                </a:solidFill>
              </a:rPr>
              <a:t>FE</a:t>
            </a:r>
            <a:r>
              <a:rPr lang="en-US" sz="2200" dirty="0" smtClean="0">
                <a:solidFill>
                  <a:srgbClr val="007434"/>
                </a:solidFill>
              </a:rPr>
              <a:t>CREDIT </a:t>
            </a:r>
            <a:r>
              <a:rPr lang="en-US" sz="2200" dirty="0">
                <a:solidFill>
                  <a:srgbClr val="007434"/>
                </a:solidFill>
              </a:rPr>
              <a:t>Application </a:t>
            </a:r>
            <a:r>
              <a:rPr lang="en-US" sz="2200" dirty="0" smtClean="0">
                <a:solidFill>
                  <a:srgbClr val="007434"/>
                </a:solidFill>
              </a:rPr>
              <a:t>Features Goals. </a:t>
            </a:r>
            <a:endParaRPr lang="en-GB" sz="2200" dirty="0">
              <a:solidFill>
                <a:srgbClr val="007434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902128831"/>
              </p:ext>
            </p:extLst>
          </p:nvPr>
        </p:nvGraphicFramePr>
        <p:xfrm>
          <a:off x="0" y="785576"/>
          <a:ext cx="8534400" cy="569142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556686" y="2428230"/>
            <a:ext cx="1791992" cy="2255381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6775374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1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7886700" cy="457200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Digital Banking Software Vendors</a:t>
            </a:r>
            <a:endParaRPr lang="en-GB" sz="2200" dirty="0">
              <a:solidFill>
                <a:srgbClr val="007434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200" y="1143000"/>
            <a:ext cx="2120900" cy="88543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19400" y="1212011"/>
            <a:ext cx="3200400" cy="84538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2438" y="2271909"/>
            <a:ext cx="2623312" cy="109195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72200" y="2297867"/>
            <a:ext cx="2543302" cy="916649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72200" y="1271200"/>
            <a:ext cx="2844800" cy="8624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57200" y="3735739"/>
            <a:ext cx="2368550" cy="1285114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898900" y="3679003"/>
            <a:ext cx="1511300" cy="1341369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397752" y="3514696"/>
            <a:ext cx="1727200" cy="172720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2235962" y="5513674"/>
            <a:ext cx="1841500" cy="317500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4800600" y="5020372"/>
            <a:ext cx="1767586" cy="141406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302000" y="2354318"/>
            <a:ext cx="2540000" cy="72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9119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2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72024"/>
            <a:ext cx="9144000" cy="67139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298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3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8458200" cy="457200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How payment processing work</a:t>
            </a:r>
            <a:endParaRPr lang="en-GB" sz="2200" dirty="0">
              <a:solidFill>
                <a:srgbClr val="007434"/>
              </a:solidFill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0600" y="1143000"/>
            <a:ext cx="7526978" cy="419100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1066800" y="5371070"/>
            <a:ext cx="2422586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/>
              <a:t>Source: </a:t>
            </a:r>
            <a:r>
              <a:rPr lang="en-US" sz="1400" i="1" dirty="0" err="1"/>
              <a:t>www.cybersource.com</a:t>
            </a:r>
            <a:endParaRPr lang="en-US" sz="1400" i="1" dirty="0"/>
          </a:p>
        </p:txBody>
      </p:sp>
    </p:spTree>
    <p:extLst>
      <p:ext uri="{BB962C8B-B14F-4D97-AF65-F5344CB8AC3E}">
        <p14:creationId xmlns:p14="http://schemas.microsoft.com/office/powerpoint/2010/main" val="11899805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4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8458200" cy="457200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How payment processing work</a:t>
            </a:r>
            <a:endParaRPr lang="en-GB" sz="2200" dirty="0">
              <a:solidFill>
                <a:srgbClr val="007434"/>
              </a:solidFill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7" name="Content Placeholder 3"/>
          <p:cNvSpPr>
            <a:spLocks noGrp="1"/>
          </p:cNvSpPr>
          <p:nvPr>
            <p:ph idx="1"/>
          </p:nvPr>
        </p:nvSpPr>
        <p:spPr>
          <a:xfrm>
            <a:off x="72886" y="914400"/>
            <a:ext cx="8994914" cy="5562600"/>
          </a:xfrm>
        </p:spPr>
        <p:txBody>
          <a:bodyPr>
            <a:normAutofit lnSpcReduction="10000"/>
          </a:bodyPr>
          <a:lstStyle/>
          <a:p>
            <a:r>
              <a:rPr lang="en-US" sz="2400" b="1" dirty="0" smtClean="0"/>
              <a:t>Step 1</a:t>
            </a:r>
            <a:r>
              <a:rPr lang="en-US" sz="2400" dirty="0" smtClean="0"/>
              <a:t>: </a:t>
            </a:r>
            <a:r>
              <a:rPr lang="en-US" sz="2400" dirty="0"/>
              <a:t>Purchaser places order.</a:t>
            </a:r>
          </a:p>
          <a:p>
            <a:r>
              <a:rPr lang="en-US" sz="2400" b="1" dirty="0" smtClean="0"/>
              <a:t>Step 2</a:t>
            </a:r>
            <a:r>
              <a:rPr lang="en-US" sz="2400" dirty="0" smtClean="0"/>
              <a:t>: </a:t>
            </a:r>
            <a:r>
              <a:rPr lang="en-US" sz="2400" dirty="0"/>
              <a:t>Merchant securely transfers order i</a:t>
            </a:r>
            <a:r>
              <a:rPr lang="en-US" sz="2400" dirty="0" smtClean="0"/>
              <a:t>nformation </a:t>
            </a:r>
            <a:r>
              <a:rPr lang="en-US" sz="2400" dirty="0"/>
              <a:t>to </a:t>
            </a:r>
            <a:r>
              <a:rPr lang="en-US" sz="2400" dirty="0" smtClean="0"/>
              <a:t>CYBS over </a:t>
            </a:r>
            <a:r>
              <a:rPr lang="en-US" sz="2400" dirty="0"/>
              <a:t>the Internet. CYBS </a:t>
            </a:r>
            <a:r>
              <a:rPr lang="en-US" sz="2400" dirty="0" smtClean="0"/>
              <a:t>receives </a:t>
            </a:r>
            <a:r>
              <a:rPr lang="en-US" sz="2400" dirty="0"/>
              <a:t>order information and performs requested services.</a:t>
            </a:r>
          </a:p>
          <a:p>
            <a:r>
              <a:rPr lang="en-US" sz="2400" b="1" dirty="0" smtClean="0"/>
              <a:t>Step 3</a:t>
            </a:r>
            <a:r>
              <a:rPr lang="en-US" sz="2400" dirty="0" smtClean="0"/>
              <a:t>: CYBS formats </a:t>
            </a:r>
            <a:r>
              <a:rPr lang="en-US" sz="2400" dirty="0"/>
              <a:t>the transaction detail appropriately and securely routes the transaction authorization request through its payment gateway to the processor.</a:t>
            </a:r>
          </a:p>
          <a:p>
            <a:r>
              <a:rPr lang="en-US" sz="2400" b="1" dirty="0" smtClean="0"/>
              <a:t>Step 4</a:t>
            </a:r>
            <a:r>
              <a:rPr lang="en-US" sz="2400" dirty="0" smtClean="0"/>
              <a:t>: The </a:t>
            </a:r>
            <a:r>
              <a:rPr lang="en-US" sz="2400" dirty="0"/>
              <a:t>transaction is then routed to the issuing bank (purchaser's bank) to request transaction authorization.</a:t>
            </a:r>
          </a:p>
          <a:p>
            <a:r>
              <a:rPr lang="en-US" sz="2400" b="1" dirty="0" smtClean="0"/>
              <a:t>Step 5</a:t>
            </a:r>
            <a:r>
              <a:rPr lang="en-US" sz="2400" dirty="0" smtClean="0"/>
              <a:t>: </a:t>
            </a:r>
            <a:r>
              <a:rPr lang="en-US" sz="2400" dirty="0"/>
              <a:t>The transaction is authorized or declined by the issuing bank or card (Discover, American Express). </a:t>
            </a:r>
            <a:endParaRPr lang="en-US" sz="2400" dirty="0" smtClean="0"/>
          </a:p>
          <a:p>
            <a:r>
              <a:rPr lang="en-US" sz="2400" b="1" dirty="0" smtClean="0"/>
              <a:t>Step 6</a:t>
            </a:r>
            <a:r>
              <a:rPr lang="en-US" sz="2400" dirty="0" smtClean="0"/>
              <a:t>: CYBS returns </a:t>
            </a:r>
            <a:r>
              <a:rPr lang="en-US" sz="2400" dirty="0"/>
              <a:t>the message to the merchant</a:t>
            </a:r>
            <a:r>
              <a:rPr lang="en-US" sz="2400" dirty="0" smtClean="0"/>
              <a:t>.</a:t>
            </a:r>
          </a:p>
          <a:p>
            <a:r>
              <a:rPr lang="en-US" sz="2400" b="1" dirty="0" smtClean="0"/>
              <a:t>Step 7</a:t>
            </a:r>
            <a:r>
              <a:rPr lang="en-US" sz="2400" dirty="0" smtClean="0"/>
              <a:t>: </a:t>
            </a:r>
            <a:r>
              <a:rPr lang="en-US" sz="2400" dirty="0"/>
              <a:t>Issuing bank approves transfer of money to acquiring bank </a:t>
            </a:r>
            <a:endParaRPr lang="en-US" sz="2400" dirty="0" smtClean="0"/>
          </a:p>
          <a:p>
            <a:r>
              <a:rPr lang="en-US" sz="2400" b="1" dirty="0" smtClean="0"/>
              <a:t>Step 8</a:t>
            </a:r>
            <a:r>
              <a:rPr lang="en-US" sz="2400" dirty="0" smtClean="0"/>
              <a:t>: </a:t>
            </a:r>
            <a:r>
              <a:rPr lang="en-US" sz="2400" dirty="0"/>
              <a:t>The acquiring bank credits the merchant's account </a:t>
            </a:r>
            <a:r>
              <a:rPr lang="en-US" sz="2000" dirty="0"/>
              <a:t/>
            </a:r>
            <a:br>
              <a:rPr lang="en-US" sz="2000" dirty="0"/>
            </a:br>
            <a:endParaRPr lang="en-US" sz="2000" dirty="0"/>
          </a:p>
          <a:p>
            <a:endParaRPr lang="en-US" sz="2000" dirty="0"/>
          </a:p>
          <a:p>
            <a:endParaRPr lang="en-US" sz="2000" dirty="0" smtClean="0"/>
          </a:p>
          <a:p>
            <a:pPr>
              <a:buNone/>
            </a:pPr>
            <a:endParaRPr lang="en-US" sz="2000" dirty="0" smtClean="0"/>
          </a:p>
        </p:txBody>
      </p:sp>
    </p:spTree>
    <p:extLst>
      <p:ext uri="{BB962C8B-B14F-4D97-AF65-F5344CB8AC3E}">
        <p14:creationId xmlns:p14="http://schemas.microsoft.com/office/powerpoint/2010/main" val="127497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25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52400" y="76200"/>
            <a:ext cx="8458200" cy="457200"/>
          </a:xfrm>
        </p:spPr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How digital wallet work</a:t>
            </a:r>
            <a:endParaRPr lang="en-GB" sz="2200" dirty="0">
              <a:solidFill>
                <a:srgbClr val="007434"/>
              </a:solidFill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>
            <a:off x="990600" y="6172200"/>
            <a:ext cx="162506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/>
              <a:t>Source: </a:t>
            </a:r>
            <a:r>
              <a:rPr lang="en-US" sz="1400" i="1" dirty="0" err="1" smtClean="0"/>
              <a:t>paypal.com</a:t>
            </a:r>
            <a:endParaRPr lang="en-US" sz="1400" i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0600" y="787634"/>
            <a:ext cx="7239000" cy="529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48842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>
                <a:solidFill>
                  <a:srgbClr val="007434"/>
                </a:solidFill>
              </a:rPr>
              <a:t>Viet Nam </a:t>
            </a:r>
            <a:r>
              <a:rPr lang="en-US" sz="2200" dirty="0" smtClean="0">
                <a:solidFill>
                  <a:srgbClr val="007434"/>
                </a:solidFill>
              </a:rPr>
              <a:t>Mobile Application Benchmarking </a:t>
            </a:r>
            <a:r>
              <a:rPr lang="en-US" sz="2200" dirty="0">
                <a:solidFill>
                  <a:srgbClr val="007434"/>
                </a:solidFill>
              </a:rPr>
              <a:t> </a:t>
            </a:r>
            <a:r>
              <a:rPr lang="en-US" sz="2200" dirty="0" smtClean="0">
                <a:solidFill>
                  <a:srgbClr val="007434"/>
                </a:solidFill>
              </a:rPr>
              <a:t>#1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457200" y="990600"/>
          <a:ext cx="8077200" cy="542463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1346200"/>
                <a:gridCol w="1346200"/>
                <a:gridCol w="1346200"/>
                <a:gridCol w="1346200"/>
                <a:gridCol w="1346200"/>
                <a:gridCol w="1346200"/>
              </a:tblGrid>
              <a:tr h="261665"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Featur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FE Credit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Sacombank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CB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HSBC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CitiBank</a:t>
                      </a:r>
                    </a:p>
                  </a:txBody>
                  <a:tcPr marL="12700" marR="12700" marT="12700" marB="0" anchor="b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Downloads (Android only)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~10K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~50K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~10K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~1 Mil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~10K</a:t>
                      </a:r>
                    </a:p>
                  </a:txBody>
                  <a:tcPr marL="12700" marR="12700" marT="12700" marB="0" anchor="ctr"/>
                </a:tc>
              </a:tr>
              <a:tr h="593128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Languag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Vietnamese</a:t>
                      </a:r>
                    </a:p>
                    <a:p>
                      <a:pPr marL="285750" marR="0" indent="-28575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15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nglish*</a:t>
                      </a:r>
                      <a:endParaRPr lang="vi-VN" sz="1500" b="1" kern="1200" dirty="0" smtClean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Vietnamese</a:t>
                      </a:r>
                    </a:p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English</a:t>
                      </a:r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Vietnamese</a:t>
                      </a:r>
                    </a:p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English</a:t>
                      </a:r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Localization </a:t>
                      </a:r>
                      <a:b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</a:br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(Multiple languages)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Vietnamese</a:t>
                      </a:r>
                    </a:p>
                    <a:p>
                      <a:pPr marL="285750" indent="-285750" algn="l" fontAlgn="ctr">
                        <a:buFont typeface="Arial" charset="0"/>
                        <a:buChar char="•"/>
                      </a:pPr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English</a:t>
                      </a:r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ccount </a:t>
                      </a:r>
                      <a:r>
                        <a:rPr lang="en-US" sz="1500" b="1" i="0" u="none" strike="noStrike" dirty="0" smtClean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Management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Current </a:t>
                      </a:r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Account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Deposit Account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Loan Account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Credit Card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b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b"/>
                </a:tc>
              </a:tr>
              <a:tr h="426585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Credit Card Information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Card Informa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Statement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Transaction History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1" dirty="0" smtClean="0"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/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611320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>
                <a:solidFill>
                  <a:srgbClr val="007434"/>
                </a:solidFill>
              </a:rPr>
              <a:t>Viet Nam </a:t>
            </a:r>
            <a:r>
              <a:rPr lang="en-US" sz="2200" dirty="0" smtClean="0">
                <a:solidFill>
                  <a:srgbClr val="007434"/>
                </a:solidFill>
              </a:rPr>
              <a:t>Mobile Application Benchmarking </a:t>
            </a:r>
            <a:r>
              <a:rPr lang="en-US" sz="2200" dirty="0">
                <a:solidFill>
                  <a:srgbClr val="007434"/>
                </a:solidFill>
              </a:rPr>
              <a:t> </a:t>
            </a:r>
            <a:r>
              <a:rPr lang="en-US" sz="2200" dirty="0" smtClean="0">
                <a:solidFill>
                  <a:srgbClr val="007434"/>
                </a:solidFill>
              </a:rPr>
              <a:t>#2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457200" y="914399"/>
          <a:ext cx="8077200" cy="5341486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1346200"/>
                <a:gridCol w="1346200"/>
                <a:gridCol w="1346200"/>
                <a:gridCol w="1346200"/>
                <a:gridCol w="1346200"/>
                <a:gridCol w="1346200"/>
              </a:tblGrid>
              <a:tr h="261665"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Featur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FE Credit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Sacombank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CB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HSBC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CitiBank</a:t>
                      </a:r>
                    </a:p>
                  </a:txBody>
                  <a:tcPr marL="12700" marR="12700" marT="12700" marB="0" anchor="b"/>
                </a:tc>
              </a:tr>
              <a:tr h="322581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Fund Transfer by Credit Cards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6996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Fund </a:t>
                      </a:r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Transfer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57200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Inter Bank Transfer (iBFT)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P2P Money Transfer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355600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Cash on </a:t>
                      </a:r>
                      <a:r>
                        <a:rPr lang="en-US" sz="15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Mobile</a:t>
                      </a:r>
                      <a:endParaRPr lang="en-US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Buy Virtual Prepaid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Scheduled Transac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383404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Bill Payment by Credit Cards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Bill Payments</a:t>
                      </a:r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/>
                      </a:r>
                      <a:b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</a:br>
                      <a:endParaRPr lang="en-US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 smtClean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Mobile </a:t>
                      </a:r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Topup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Prepaid Card Topup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Scheduled Transac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414705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>
                <a:solidFill>
                  <a:srgbClr val="007434"/>
                </a:solidFill>
              </a:rPr>
              <a:t>Viet Nam </a:t>
            </a:r>
            <a:r>
              <a:rPr lang="en-US" sz="2200" dirty="0" smtClean="0">
                <a:solidFill>
                  <a:srgbClr val="007434"/>
                </a:solidFill>
              </a:rPr>
              <a:t>Mobile Application Benchmarking </a:t>
            </a:r>
            <a:r>
              <a:rPr lang="en-US" sz="2200" dirty="0">
                <a:solidFill>
                  <a:srgbClr val="007434"/>
                </a:solidFill>
              </a:rPr>
              <a:t> </a:t>
            </a:r>
            <a:r>
              <a:rPr lang="en-US" sz="2200" dirty="0" smtClean="0">
                <a:solidFill>
                  <a:srgbClr val="007434"/>
                </a:solidFill>
              </a:rPr>
              <a:t>#3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457200" y="914399"/>
          <a:ext cx="8077200" cy="4388986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1346200"/>
                <a:gridCol w="1346200"/>
                <a:gridCol w="1346200"/>
                <a:gridCol w="1346200"/>
                <a:gridCol w="1346200"/>
                <a:gridCol w="1346200"/>
              </a:tblGrid>
              <a:tr h="261665"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Featur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FE Credit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Sacombank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CB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HSBC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CitiBank</a:t>
                      </a:r>
                    </a:p>
                  </a:txBody>
                  <a:tcPr marL="12700" marR="12700" marT="12700" marB="0" anchor="b"/>
                </a:tc>
              </a:tr>
              <a:tr h="322581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Service Request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6996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Open Account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kern="1200" dirty="0" smtClean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  <a:tr h="457200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Card Activa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Card De-activa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</a:t>
                      </a:r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/</a:t>
                      </a:r>
                      <a:r>
                        <a:rPr lang="bg-BG" sz="1500" b="0" i="0" u="none" strike="noStrike" dirty="0" err="1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</a:t>
                      </a:r>
                      <a:endParaRPr lang="bg-BG" sz="1500" b="0" i="0" u="none" strike="noStrike" dirty="0">
                        <a:solidFill>
                          <a:schemeClr val="tx1"/>
                        </a:solidFill>
                        <a:effectLst/>
                        <a:latin typeface="Calibri" charset="0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355600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Products &amp; Services</a:t>
                      </a:r>
                    </a:p>
                  </a:txBody>
                  <a:tcPr marL="12700" marR="12700" marT="1270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Location (ATM, Branches, POS…)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Products &amp; Servic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383404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Promotion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About Us/Tips/Fx Rates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dirty="0" smtClean="0">
                          <a:solidFill>
                            <a:schemeClr val="tx1"/>
                          </a:solidFill>
                          <a:latin typeface="+mj-lt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dirty="0" smtClean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l" fontAlgn="b"/>
                      <a:r>
                        <a:rPr lang="en-US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Message box</a:t>
                      </a:r>
                    </a:p>
                  </a:txBody>
                  <a:tcPr marL="12700" marR="12700" marT="12700" marB="0" anchor="b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1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</a:t>
                      </a:r>
                      <a:endParaRPr lang="vi-VN" sz="1500" b="1" kern="1200" dirty="0" smtClean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bg-BG" sz="15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charset="0"/>
                        </a:rPr>
                        <a:t>N/A</a:t>
                      </a:r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41329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ASEAN </a:t>
            </a:r>
            <a:r>
              <a:rPr lang="en-US" sz="2200" dirty="0" err="1" smtClean="0">
                <a:solidFill>
                  <a:srgbClr val="007434"/>
                </a:solidFill>
              </a:rPr>
              <a:t>eBanking</a:t>
            </a:r>
            <a:r>
              <a:rPr lang="en-US" sz="2200" dirty="0" smtClean="0">
                <a:solidFill>
                  <a:srgbClr val="007434"/>
                </a:solidFill>
              </a:rPr>
              <a:t> market – Segregating Leaders and </a:t>
            </a:r>
            <a:r>
              <a:rPr lang="en-US" sz="2200" dirty="0" err="1" smtClean="0">
                <a:solidFill>
                  <a:srgbClr val="007434"/>
                </a:solidFill>
              </a:rPr>
              <a:t>Laggars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83101232"/>
              </p:ext>
            </p:extLst>
          </p:nvPr>
        </p:nvGraphicFramePr>
        <p:xfrm>
          <a:off x="342900" y="782105"/>
          <a:ext cx="8458199" cy="5592096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361776"/>
                <a:gridCol w="1221758"/>
                <a:gridCol w="1175101"/>
                <a:gridCol w="2725600"/>
                <a:gridCol w="1486982"/>
                <a:gridCol w="1486982"/>
              </a:tblGrid>
              <a:tr h="299816"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No</a:t>
                      </a:r>
                      <a:endParaRPr lang="en-US" sz="18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Bank</a:t>
                      </a:r>
                      <a:endParaRPr lang="en-US" sz="18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Downloads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OS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Vendor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Framework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1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Citi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elf Developmen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2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DBS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~1,000,000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Android, iOS, Windows Phone</a:t>
                      </a:r>
                      <a:endParaRPr lang="vi-VN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/</a:t>
                      </a:r>
                    </a:p>
                    <a:p>
                      <a:pPr algn="ctr"/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Infosys</a:t>
                      </a:r>
                      <a:endParaRPr lang="vi-VN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vi-VN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3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UOB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4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OCBC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5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ay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6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Bank Central Asia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iteCore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7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acom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nfosys/</a:t>
                      </a:r>
                    </a:p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elf Developmen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8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Kasikorn</a:t>
                      </a:r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N/A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9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CIMB Group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N/A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1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Bank of </a:t>
                      </a:r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yudhyda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N/A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#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XIS</a:t>
                      </a:r>
                      <a:r>
                        <a:rPr lang="en-US" sz="1500" b="1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#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CIC 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0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, Windows Phone</a:t>
                      </a: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Infosy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  <p:sp>
        <p:nvSpPr>
          <p:cNvPr id="4" name="Rectangle 3"/>
          <p:cNvSpPr/>
          <p:nvPr/>
        </p:nvSpPr>
        <p:spPr>
          <a:xfrm>
            <a:off x="322118" y="6390652"/>
            <a:ext cx="7290522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b="1" dirty="0" smtClean="0"/>
              <a:t>Note</a:t>
            </a:r>
            <a:r>
              <a:rPr lang="en-US" sz="1600" dirty="0" smtClean="0"/>
              <a:t>: </a:t>
            </a:r>
            <a:r>
              <a:rPr lang="en-US" sz="1600" i="1" dirty="0" smtClean="0"/>
              <a:t>This ranking is based on mobile application features that provided to customers</a:t>
            </a:r>
            <a:endParaRPr lang="en-US" sz="1600" i="1" dirty="0"/>
          </a:p>
        </p:txBody>
      </p:sp>
    </p:spTree>
    <p:extLst>
      <p:ext uri="{BB962C8B-B14F-4D97-AF65-F5344CB8AC3E}">
        <p14:creationId xmlns:p14="http://schemas.microsoft.com/office/powerpoint/2010/main" val="56277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457200" y="457200"/>
            <a:ext cx="22098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007434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GENDA</a:t>
            </a:r>
            <a:endParaRPr lang="en-US" sz="2400" b="1" dirty="0">
              <a:solidFill>
                <a:srgbClr val="007434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09600" y="1905000"/>
            <a:ext cx="8153400" cy="38318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ASEAN </a:t>
            </a: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eBanking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marke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What we have &amp;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Benchmarking</a:t>
            </a: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Viet Nam </a:t>
            </a:r>
            <a:r>
              <a:rPr lang="en-US" b="1" dirty="0" err="1" smtClean="0">
                <a:solidFill>
                  <a:schemeClr val="bg2">
                    <a:lumMod val="25000"/>
                  </a:schemeClr>
                </a:solidFill>
              </a:rPr>
              <a:t>eBanking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 marke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Some food for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thought</a:t>
            </a:r>
          </a:p>
          <a:p>
            <a:pPr>
              <a:lnSpc>
                <a:spcPct val="150000"/>
              </a:lnSpc>
            </a:pPr>
            <a:r>
              <a:rPr lang="en-US" b="1" dirty="0">
                <a:solidFill>
                  <a:schemeClr val="bg2">
                    <a:lumMod val="25000"/>
                  </a:schemeClr>
                </a:solidFill>
              </a:rPr>
              <a:t>IT </a:t>
            </a: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Proposal</a:t>
            </a: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Digital Technology: Seven strategic areas to consider</a:t>
            </a:r>
          </a:p>
          <a:p>
            <a:pPr>
              <a:lnSpc>
                <a:spcPct val="150000"/>
              </a:lnSpc>
            </a:pPr>
            <a:endParaRPr lang="en-US" b="1" dirty="0">
              <a:solidFill>
                <a:schemeClr val="bg2">
                  <a:lumMod val="25000"/>
                </a:schemeClr>
              </a:solidFill>
            </a:endParaRPr>
          </a:p>
          <a:p>
            <a:pPr>
              <a:lnSpc>
                <a:spcPct val="150000"/>
              </a:lnSpc>
            </a:pPr>
            <a:r>
              <a:rPr lang="en-US" b="1" dirty="0" smtClean="0">
                <a:solidFill>
                  <a:schemeClr val="bg2">
                    <a:lumMod val="25000"/>
                  </a:schemeClr>
                </a:solidFill>
              </a:rPr>
              <a:t>Appendix</a:t>
            </a:r>
          </a:p>
          <a:p>
            <a:pPr>
              <a:lnSpc>
                <a:spcPct val="150000"/>
              </a:lnSpc>
            </a:pPr>
            <a:endParaRPr lang="en-US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457200" y="2781300"/>
            <a:ext cx="7620000" cy="419100"/>
          </a:xfrm>
          <a:prstGeom prst="rect">
            <a:avLst/>
          </a:prstGeom>
          <a:noFill/>
          <a:ln>
            <a:solidFill>
              <a:schemeClr val="accent6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2986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>
                <a:solidFill>
                  <a:srgbClr val="007434"/>
                </a:solidFill>
              </a:rPr>
              <a:t>Viet Nam eBanking </a:t>
            </a:r>
            <a:r>
              <a:rPr lang="en-US" sz="2200" dirty="0" smtClean="0">
                <a:solidFill>
                  <a:srgbClr val="007434"/>
                </a:solidFill>
              </a:rPr>
              <a:t>market</a:t>
            </a:r>
            <a:endParaRPr lang="en-GB" sz="22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400" y="750274"/>
            <a:ext cx="8067675" cy="252632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4856" y="3320026"/>
            <a:ext cx="7627144" cy="3195258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77000" y="750274"/>
            <a:ext cx="2162175" cy="636859"/>
          </a:xfrm>
          <a:prstGeom prst="rect">
            <a:avLst/>
          </a:prstGeom>
        </p:spPr>
      </p:pic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93364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smtClean="0"/>
              <a:t>Page </a:t>
            </a:r>
            <a:fld id="{FCE9E358-1F0E-44B0-880A-051EF8ECC4E3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200" dirty="0" smtClean="0">
                <a:solidFill>
                  <a:srgbClr val="007434"/>
                </a:solidFill>
              </a:rPr>
              <a:t>Viet Nam </a:t>
            </a:r>
            <a:r>
              <a:rPr lang="en-US" sz="2200" dirty="0" err="1" smtClean="0">
                <a:solidFill>
                  <a:srgbClr val="007434"/>
                </a:solidFill>
              </a:rPr>
              <a:t>eBanking</a:t>
            </a:r>
            <a:r>
              <a:rPr lang="en-US" sz="2200" dirty="0" smtClean="0">
                <a:solidFill>
                  <a:srgbClr val="007434"/>
                </a:solidFill>
              </a:rPr>
              <a:t> market</a:t>
            </a:r>
            <a:endParaRPr lang="en-GB" sz="2200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59487"/>
            <a:ext cx="9144000" cy="0"/>
          </a:xfrm>
          <a:prstGeom prst="line">
            <a:avLst/>
          </a:prstGeom>
          <a:ln w="19050"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75968032"/>
              </p:ext>
            </p:extLst>
          </p:nvPr>
        </p:nvGraphicFramePr>
        <p:xfrm>
          <a:off x="983734" y="1676400"/>
          <a:ext cx="6766188" cy="293316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361776"/>
                <a:gridCol w="1221758"/>
                <a:gridCol w="1175101"/>
                <a:gridCol w="1033589"/>
                <a:gridCol w="1486982"/>
                <a:gridCol w="1486982"/>
              </a:tblGrid>
              <a:tr h="223616"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No</a:t>
                      </a:r>
                      <a:endParaRPr lang="en-US" sz="18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18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Bank</a:t>
                      </a:r>
                      <a:endParaRPr lang="en-US" sz="18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Downloads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OS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Vendor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Framework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+mn-lt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1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acom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nfosys/</a:t>
                      </a:r>
                    </a:p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Self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Developmen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2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TP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Tagit (Mobeix)/</a:t>
                      </a:r>
                    </a:p>
                    <a:p>
                      <a:pPr algn="ctr"/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FPT</a:t>
                      </a:r>
                      <a:r>
                        <a:rPr lang="vi-VN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 Software</a:t>
                      </a:r>
                      <a:endParaRPr lang="vi-VN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</a:t>
                      </a:r>
                      <a:r>
                        <a:rPr lang="en-US" sz="1500" b="0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500" b="0" i="0" u="none" strike="noStrike" kern="1200" baseline="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vi-VN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3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Vietcom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VNSWITCH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4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Eximbank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5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nfosys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5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PVCom</a:t>
                      </a:r>
                      <a:r>
                        <a:rPr lang="en-US" sz="1500" b="1" i="0" u="none" strike="noStrike" kern="1200" baseline="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 Bank</a:t>
                      </a:r>
                      <a:endParaRPr lang="en-US" sz="1500" b="1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,00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vi-VN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  <a:sym typeface="Wingdings 2" panose="05020102010507070707" pitchFamily="18" charset="2"/>
                        </a:rPr>
                        <a:t>Misys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Fusion Banking</a:t>
                      </a:r>
                      <a:endParaRPr lang="vi-VN" sz="1500" b="0" i="0" u="none" strike="noStrike" kern="1200" dirty="0" smtClean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  <a:tr h="42658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6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1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CB</a:t>
                      </a:r>
                      <a:endParaRPr lang="en-US" sz="1500" b="1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~10,000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Android, iOS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CMC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500" b="0" i="0" u="none" strike="noStrike" kern="1200" dirty="0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IBM </a:t>
                      </a:r>
                      <a:r>
                        <a:rPr lang="en-US" sz="1500" b="0" i="0" u="none" strike="noStrike" kern="1200" dirty="0" err="1" smtClean="0"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+mn-ea"/>
                          <a:cs typeface="+mn-cs"/>
                        </a:rPr>
                        <a:t>MobileFirst</a:t>
                      </a:r>
                      <a:endParaRPr lang="en-US" sz="15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charset="0"/>
                        <a:ea typeface="+mn-ea"/>
                        <a:cs typeface="+mn-cs"/>
                      </a:endParaRPr>
                    </a:p>
                  </a:txBody>
                  <a:tcPr marL="12700" marR="12700" marT="1270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288864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384</Words>
  <Application>Microsoft Office PowerPoint</Application>
  <PresentationFormat>On-screen Show (4:3)</PresentationFormat>
  <Paragraphs>509</Paragraphs>
  <Slides>25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1" baseType="lpstr">
      <vt:lpstr>Arial</vt:lpstr>
      <vt:lpstr>Calibri</vt:lpstr>
      <vt:lpstr>Times New Roman</vt:lpstr>
      <vt:lpstr>Wingdings</vt:lpstr>
      <vt:lpstr>Wingdings 2</vt:lpstr>
      <vt:lpstr>Custom Design</vt:lpstr>
      <vt:lpstr>PowerPoint Presentation</vt:lpstr>
      <vt:lpstr>ASEAN eBanking market What do consumers really want?</vt:lpstr>
      <vt:lpstr>Viet Nam Mobile Application Benchmarking  #1</vt:lpstr>
      <vt:lpstr>Viet Nam Mobile Application Benchmarking  #2</vt:lpstr>
      <vt:lpstr>Viet Nam Mobile Application Benchmarking  #3</vt:lpstr>
      <vt:lpstr>ASEAN eBanking market – Segregating Leaders and Laggars</vt:lpstr>
      <vt:lpstr>PowerPoint Presentation</vt:lpstr>
      <vt:lpstr>Viet Nam eBanking market</vt:lpstr>
      <vt:lpstr>Viet Nam eBanking market</vt:lpstr>
      <vt:lpstr>IT Proposal. Roadmap – Project Scope – Phase 2</vt:lpstr>
      <vt:lpstr>IT Proposal. Phase 2 – Key features</vt:lpstr>
      <vt:lpstr>IT Proposal. Roadmap – Project Scope – Phase 3</vt:lpstr>
      <vt:lpstr>IT Proposal. Roadmap</vt:lpstr>
      <vt:lpstr>Digital Banking Enterprise Roadmap</vt:lpstr>
      <vt:lpstr>PowerPoint Presentation</vt:lpstr>
      <vt:lpstr>Appendix</vt:lpstr>
      <vt:lpstr>Roadmap. Planned features #1</vt:lpstr>
      <vt:lpstr>Roadmap. Planned features #2</vt:lpstr>
      <vt:lpstr>Digital Banking’s Multi-dimensional Attributes</vt:lpstr>
      <vt:lpstr>FECREDIT Application Features Goals. </vt:lpstr>
      <vt:lpstr>Digital Banking Software Vendors</vt:lpstr>
      <vt:lpstr>PowerPoint Presentation</vt:lpstr>
      <vt:lpstr>How payment processing work</vt:lpstr>
      <vt:lpstr>How payment processing work</vt:lpstr>
      <vt:lpstr>How digital wallet work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/>
  <cp:lastModifiedBy/>
  <cp:revision>5915</cp:revision>
  <cp:lastPrinted>2014-12-05T04:30:50Z</cp:lastPrinted>
  <dcterms:created xsi:type="dcterms:W3CDTF">2012-03-20T05:02:01Z</dcterms:created>
  <dcterms:modified xsi:type="dcterms:W3CDTF">2016-10-03T09:53:06Z</dcterms:modified>
</cp:coreProperties>
</file>